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drawings/drawing4.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drawings/drawing5.xml" ContentType="application/vnd.openxmlformats-officedocument.drawing+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drawings/drawing6.xml" ContentType="application/vnd.openxmlformats-officedocument.drawing+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7.xml" ContentType="application/vnd.openxmlformats-officedocument.drawing+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drawings/drawing8.xml" ContentType="application/vnd.openxmlformats-officedocument.drawing+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drawings/drawing9.xml" ContentType="application/vnd.openxmlformats-officedocument.drawing+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drawings/drawing10.xml" ContentType="application/vnd.openxmlformats-officedocument.drawing+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drawings/drawing11.xml" ContentType="application/vnd.openxmlformats-officedocument.drawing+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新しいフォルダー\地密\付表\"/>
    </mc:Choice>
  </mc:AlternateContent>
  <xr:revisionPtr revIDLastSave="0" documentId="8_{B6280018-E13C-4FCD-9922-68B8FD39821A}" xr6:coauthVersionLast="36" xr6:coauthVersionMax="36" xr10:uidLastSave="{00000000-0000-0000-0000-000000000000}"/>
  <bookViews>
    <workbookView xWindow="0" yWindow="0" windowWidth="28800" windowHeight="12135" xr2:uid="{2D76B967-D321-4EBF-AEF8-F65D41EE7EAD}"/>
  </bookViews>
  <sheets>
    <sheet name="付表第二号（一）" sheetId="2" r:id="rId1"/>
    <sheet name="（参考）付表第二号（一）" sheetId="3" r:id="rId2"/>
    <sheet name="付表第二号（二）" sheetId="4" r:id="rId3"/>
    <sheet name="（参考）付表第二号（二）" sheetId="5" r:id="rId4"/>
    <sheet name="付表第二号（三）" sheetId="6" r:id="rId5"/>
    <sheet name="（参考）付表第二号（三）" sheetId="7" r:id="rId6"/>
    <sheet name="付表第二号（四）" sheetId="8" r:id="rId7"/>
    <sheet name="（参考）付表第二号（四）" sheetId="9" r:id="rId8"/>
    <sheet name="付表第二号（五）" sheetId="10" r:id="rId9"/>
    <sheet name="（参考）付表第二号（五）" sheetId="11" r:id="rId10"/>
    <sheet name="付表第二号（六）" sheetId="12" r:id="rId11"/>
    <sheet name="（参考）付表第二号（六）" sheetId="13" r:id="rId12"/>
    <sheet name="付表第二号（七）" sheetId="14" r:id="rId13"/>
    <sheet name="（参考）付表第二号（七）" sheetId="15" r:id="rId14"/>
    <sheet name="付表第二号（八）" sheetId="16" r:id="rId15"/>
    <sheet name="（参考）付表第二号（八）" sheetId="17" r:id="rId16"/>
    <sheet name="付表第二号（九） " sheetId="18" r:id="rId17"/>
    <sheet name="（参考）付表第二号（九）" sheetId="19" r:id="rId18"/>
    <sheet name="付表第二号（十）" sheetId="20" r:id="rId19"/>
    <sheet name="（参考）付表第二号（十）" sheetId="21" r:id="rId20"/>
    <sheet name="付表第二号（十一）" sheetId="22" r:id="rId21"/>
    <sheet name="付表第二号（十二）" sheetId="23" r:id="rId22"/>
  </sheets>
  <definedNames>
    <definedName name="_xlnm.Print_Area" localSheetId="17">'（参考）付表第二号（九）'!$A$1:$S$6</definedName>
    <definedName name="_xlnm.Print_Area" localSheetId="9">'（参考）付表第二号（五）'!$A$1:$V$105</definedName>
    <definedName name="_xlnm.Print_Area" localSheetId="5">'（参考）付表第二号（三）'!$A$1:$T$92</definedName>
    <definedName name="_xlnm.Print_Area" localSheetId="7">'（参考）付表第二号（四）'!$A$1:$V$68</definedName>
    <definedName name="_xlnm.Print_Area" localSheetId="19">'（参考）付表第二号（十）'!$A$1:$N$24</definedName>
    <definedName name="_xlnm.Print_Area" localSheetId="15">'（参考）付表第二号（八）'!$A$1:$Q$6</definedName>
    <definedName name="_xlnm.Print_Area" localSheetId="11">'（参考）付表第二号（六）'!$A$1:$AB$25</definedName>
    <definedName name="_xlnm.Print_Area" localSheetId="0">'付表第二号（一）'!$A$1:$P$42</definedName>
    <definedName name="_xlnm.Print_Area" localSheetId="16">'付表第二号（九） '!$A$1:$S$75</definedName>
    <definedName name="_xlnm.Print_Area" localSheetId="8">'付表第二号（五）'!$A$1:$V$130</definedName>
    <definedName name="_xlnm.Print_Area" localSheetId="4">'付表第二号（三）'!$A$1:$T$111</definedName>
    <definedName name="_xlnm.Print_Area" localSheetId="6">'付表第二号（四）'!$A$1:$W$117</definedName>
    <definedName name="_xlnm.Print_Area" localSheetId="12">'付表第二号（七）'!$A$1:$X$37</definedName>
    <definedName name="_xlnm.Print_Area" localSheetId="18">'付表第二号（十）'!$A$1:$N$59</definedName>
    <definedName name="_xlnm.Print_Area" localSheetId="20">'付表第二号（十一）'!$A$1:$T$29</definedName>
    <definedName name="_xlnm.Print_Area" localSheetId="21">'付表第二号（十二）'!$A$1:$T$29</definedName>
    <definedName name="_xlnm.Print_Area" localSheetId="2">'付表第二号（二）'!$A$1:$V$47</definedName>
    <definedName name="_xlnm.Print_Area" localSheetId="14">'付表第二号（八）'!$A$1:$Q$40</definedName>
    <definedName name="_xlnm.Print_Area" localSheetId="10">'付表第二号（六）'!$A$1:$AB$54</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53" uniqueCount="347">
  <si>
    <t>付表第二号（一）   定期巡回・随時対応型訪問介護看護事業所の指定等に係る記載事項</t>
    <rPh sb="33" eb="34">
      <t>トウ</t>
    </rPh>
    <phoneticPr fontId="4"/>
  </si>
  <si>
    <t>事 業 所</t>
    <phoneticPr fontId="4"/>
  </si>
  <si>
    <t>法人番号</t>
    <rPh sb="0" eb="2">
      <t>ホウジン</t>
    </rPh>
    <rPh sb="2" eb="4">
      <t>バンゴウ</t>
    </rPh>
    <phoneticPr fontId="4"/>
  </si>
  <si>
    <t>フリガナ</t>
  </si>
  <si>
    <t>名　称</t>
    <rPh sb="0" eb="1">
      <t>ナ</t>
    </rPh>
    <rPh sb="2" eb="3">
      <t>ショウ</t>
    </rPh>
    <phoneticPr fontId="4"/>
  </si>
  <si>
    <t>所在地</t>
  </si>
  <si>
    <t>（郵便番号</t>
    <phoneticPr fontId="4"/>
  </si>
  <si>
    <t xml:space="preserve"> － </t>
    <phoneticPr fontId="4"/>
  </si>
  <si>
    <t xml:space="preserve">  ）</t>
    <phoneticPr fontId="4"/>
  </si>
  <si>
    <t>都　道</t>
    <rPh sb="0" eb="1">
      <t>ト</t>
    </rPh>
    <rPh sb="2" eb="3">
      <t>ミチ</t>
    </rPh>
    <phoneticPr fontId="4"/>
  </si>
  <si>
    <t>市　区</t>
    <rPh sb="0" eb="1">
      <t>シ</t>
    </rPh>
    <rPh sb="2" eb="3">
      <t>ク</t>
    </rPh>
    <phoneticPr fontId="4"/>
  </si>
  <si>
    <t>府　県</t>
    <rPh sb="0" eb="1">
      <t>フ</t>
    </rPh>
    <rPh sb="2" eb="3">
      <t>ケン</t>
    </rPh>
    <phoneticPr fontId="4"/>
  </si>
  <si>
    <t>町　村　</t>
    <rPh sb="0" eb="1">
      <t>マチ</t>
    </rPh>
    <rPh sb="2" eb="3">
      <t>ムラ</t>
    </rPh>
    <phoneticPr fontId="4"/>
  </si>
  <si>
    <t>連絡先</t>
  </si>
  <si>
    <t>電話番号</t>
    <rPh sb="0" eb="2">
      <t>デンワ</t>
    </rPh>
    <rPh sb="2" eb="4">
      <t>バンゴウ</t>
    </rPh>
    <phoneticPr fontId="4"/>
  </si>
  <si>
    <t>（内線）</t>
    <rPh sb="1" eb="3">
      <t>ナイセン</t>
    </rPh>
    <phoneticPr fontId="4"/>
  </si>
  <si>
    <t>FAX番号</t>
    <rPh sb="3" eb="5">
      <t>バンゴウ</t>
    </rPh>
    <phoneticPr fontId="4"/>
  </si>
  <si>
    <t>Email</t>
    <phoneticPr fontId="4"/>
  </si>
  <si>
    <t>管 理 者</t>
    <phoneticPr fontId="4"/>
  </si>
  <si>
    <t>住所</t>
    <phoneticPr fontId="4"/>
  </si>
  <si>
    <t xml:space="preserve">（郵便番号 </t>
    <phoneticPr fontId="4"/>
  </si>
  <si>
    <t>－</t>
    <phoneticPr fontId="4"/>
  </si>
  <si>
    <t>氏名</t>
  </si>
  <si>
    <t>生年月日</t>
  </si>
  <si>
    <t>当該事業所で兼務する他の職種（兼務の場合のみ記入）</t>
  </si>
  <si>
    <t>他の事業所、施設等の職務との兼務（兼務の場合のみ記入）</t>
    <rPh sb="17" eb="19">
      <t>ケンム</t>
    </rPh>
    <rPh sb="20" eb="22">
      <t>バアイ</t>
    </rPh>
    <rPh sb="24" eb="26">
      <t>キニュウ</t>
    </rPh>
    <phoneticPr fontId="4"/>
  </si>
  <si>
    <t>兼務先の名称、所在地</t>
    <rPh sb="0" eb="2">
      <t>ケンム</t>
    </rPh>
    <rPh sb="2" eb="3">
      <t>サキ</t>
    </rPh>
    <rPh sb="7" eb="10">
      <t>ショザイチ</t>
    </rPh>
    <phoneticPr fontId="4"/>
  </si>
  <si>
    <t>兼務先のサービス種別、兼務する職種及び勤務時間等</t>
    <rPh sb="0" eb="2">
      <t>ケンム</t>
    </rPh>
    <rPh sb="2" eb="3">
      <t>サキ</t>
    </rPh>
    <rPh sb="8" eb="10">
      <t>シュベツ</t>
    </rPh>
    <phoneticPr fontId="4"/>
  </si>
  <si>
    <t>連携する訪問看護事業所
（連携型定期巡回・随時対応型訪問介護看護を
実施する場合のみ記載）</t>
    <phoneticPr fontId="4"/>
  </si>
  <si>
    <t>名称</t>
    <phoneticPr fontId="4"/>
  </si>
  <si>
    <t>）</t>
    <phoneticPr fontId="4"/>
  </si>
  <si>
    <t xml:space="preserve">  </t>
    <phoneticPr fontId="4"/>
  </si>
  <si>
    <t>○人員に関する基準の確認に必要な事項</t>
    <phoneticPr fontId="4"/>
  </si>
  <si>
    <t>従業者の職種・員数</t>
  </si>
  <si>
    <t>訪問介護員等</t>
  </si>
  <si>
    <t>オペレーター</t>
  </si>
  <si>
    <t>看護職員</t>
    <rPh sb="2" eb="3">
      <t>ショク</t>
    </rPh>
    <rPh sb="3" eb="4">
      <t>イン</t>
    </rPh>
    <phoneticPr fontId="4"/>
  </si>
  <si>
    <t>理学・作業療法士、
言語聴覚士</t>
    <phoneticPr fontId="4"/>
  </si>
  <si>
    <t>うち計画作成
責任者</t>
    <rPh sb="2" eb="4">
      <t>ケイカク</t>
    </rPh>
    <phoneticPr fontId="4"/>
  </si>
  <si>
    <t>定期巡回サービス</t>
    <phoneticPr fontId="4"/>
  </si>
  <si>
    <t>随時訪問サービス</t>
    <phoneticPr fontId="4"/>
  </si>
  <si>
    <t>専従</t>
    <rPh sb="0" eb="2">
      <t>センジュウ</t>
    </rPh>
    <phoneticPr fontId="4"/>
  </si>
  <si>
    <t>兼務</t>
    <rPh sb="0" eb="2">
      <t>ケンム</t>
    </rPh>
    <phoneticPr fontId="4"/>
  </si>
  <si>
    <t>兼務</t>
  </si>
  <si>
    <t>専従</t>
  </si>
  <si>
    <t>常勤（人）</t>
  </si>
  <si>
    <t>非常勤（人）</t>
  </si>
  <si>
    <t>常勤換算後の人数（人）</t>
  </si>
  <si>
    <t>添付書類</t>
  </si>
  <si>
    <t>別添のとおり</t>
    <phoneticPr fontId="4"/>
  </si>
  <si>
    <t>（定期巡回・随時対応型訪問介護看護事業所を事業所所在地以外の場所で一部実施する場合）</t>
    <phoneticPr fontId="4"/>
  </si>
  <si>
    <t xml:space="preserve"> </t>
    <phoneticPr fontId="4"/>
  </si>
  <si>
    <t>備考</t>
    <rPh sb="0" eb="2">
      <t>ビコウ</t>
    </rPh>
    <phoneticPr fontId="4"/>
  </si>
  <si>
    <t>１　記入欄が不足する場合は、遮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
　の表に出張所に勤務する従業者も含めて記載してください。</t>
    <rPh sb="178" eb="181">
      <t>ジュウギョウシャ</t>
    </rPh>
    <phoneticPr fontId="4"/>
  </si>
  <si>
    <t>れ以外のサービス部分の料金の状況が分かるような料金表を提出してください。</t>
  </si>
  <si>
    <t>（参考）   定期巡回・随時対応型訪問介護看護事業所の指定等に係る記載事項記入欄不足時の資料</t>
    <rPh sb="29" eb="30">
      <t>トウ</t>
    </rPh>
    <phoneticPr fontId="4"/>
  </si>
  <si>
    <t>■連携する訪問看護事業所</t>
    <rPh sb="1" eb="3">
      <t>レンケイ</t>
    </rPh>
    <rPh sb="5" eb="7">
      <t>ホウモン</t>
    </rPh>
    <rPh sb="7" eb="9">
      <t>カンゴ</t>
    </rPh>
    <rPh sb="9" eb="12">
      <t>ジギョウショ</t>
    </rPh>
    <phoneticPr fontId="4"/>
  </si>
  <si>
    <t>■複数事業所</t>
    <rPh sb="1" eb="3">
      <t>フクスウ</t>
    </rPh>
    <rPh sb="3" eb="6">
      <t>ジギョウショ</t>
    </rPh>
    <phoneticPr fontId="4"/>
  </si>
  <si>
    <t>付表第二号（二）  夜間対応型訪問介護事業所の指定等に係る記載事項</t>
    <rPh sb="25" eb="26">
      <t>トウ</t>
    </rPh>
    <phoneticPr fontId="4"/>
  </si>
  <si>
    <t>名　称</t>
    <phoneticPr fontId="4"/>
  </si>
  <si>
    <t>所在地</t>
    <phoneticPr fontId="4"/>
  </si>
  <si>
    <t>（郵便番号</t>
  </si>
  <si>
    <t>－</t>
  </si>
  <si>
    <t xml:space="preserve"> ）</t>
  </si>
  <si>
    <t>都</t>
    <rPh sb="0" eb="1">
      <t>ト</t>
    </rPh>
    <phoneticPr fontId="4"/>
  </si>
  <si>
    <t>道</t>
    <rPh sb="0" eb="1">
      <t>ミチ</t>
    </rPh>
    <phoneticPr fontId="4"/>
  </si>
  <si>
    <t>市</t>
    <rPh sb="0" eb="1">
      <t>シ</t>
    </rPh>
    <phoneticPr fontId="4"/>
  </si>
  <si>
    <t>区</t>
    <rPh sb="0" eb="1">
      <t>ク</t>
    </rPh>
    <phoneticPr fontId="4"/>
  </si>
  <si>
    <t>府</t>
    <rPh sb="0" eb="1">
      <t>フ</t>
    </rPh>
    <phoneticPr fontId="4"/>
  </si>
  <si>
    <t>県</t>
    <rPh sb="0" eb="1">
      <t>ケン</t>
    </rPh>
    <phoneticPr fontId="4"/>
  </si>
  <si>
    <t>町</t>
    <rPh sb="0" eb="1">
      <t>マチ</t>
    </rPh>
    <phoneticPr fontId="4"/>
  </si>
  <si>
    <t>村</t>
    <rPh sb="0" eb="1">
      <t>ムラ</t>
    </rPh>
    <phoneticPr fontId="4"/>
  </si>
  <si>
    <t>電話番号</t>
  </si>
  <si>
    <t>FAX番号</t>
    <phoneticPr fontId="4"/>
  </si>
  <si>
    <t>住所</t>
  </si>
  <si>
    <t xml:space="preserve"> －</t>
  </si>
  <si>
    <t>氏  名</t>
  </si>
  <si>
    <t>当該事業所で兼務する他の職種
（兼務の場合のみ記入）</t>
    <rPh sb="2" eb="5">
      <t>ジギョウショ</t>
    </rPh>
    <phoneticPr fontId="4"/>
  </si>
  <si>
    <t>他の事業所、施設等の職務との兼務
（兼務の場合に記入）</t>
    <rPh sb="18" eb="20">
      <t>ケンム</t>
    </rPh>
    <rPh sb="21" eb="23">
      <t>バアイ</t>
    </rPh>
    <rPh sb="24" eb="26">
      <t>キニュウ</t>
    </rPh>
    <phoneticPr fontId="4"/>
  </si>
  <si>
    <t>兼務先のサービス種別、
兼務する職種及び勤務時間等</t>
    <rPh sb="0" eb="2">
      <t>ケンム</t>
    </rPh>
    <rPh sb="2" eb="3">
      <t>サキ</t>
    </rPh>
    <rPh sb="8" eb="10">
      <t>シュベツ</t>
    </rPh>
    <phoneticPr fontId="4"/>
  </si>
  <si>
    <t>オペレーションセンターの有無</t>
    <phoneticPr fontId="4"/>
  </si>
  <si>
    <t>オペレーションセンターの設置数</t>
    <rPh sb="12" eb="14">
      <t>セッチ</t>
    </rPh>
    <rPh sb="14" eb="15">
      <t>スウ</t>
    </rPh>
    <phoneticPr fontId="4"/>
  </si>
  <si>
    <t>か所</t>
    <phoneticPr fontId="4"/>
  </si>
  <si>
    <t>面接相談員</t>
  </si>
  <si>
    <t>定期巡回サービス</t>
  </si>
  <si>
    <t>随時訪問サービス</t>
  </si>
  <si>
    <t>常  勤（人）</t>
  </si>
  <si>
    <t>（夜間対応型訪問介護事業を事業所所在地以外の場所で一部実施する場合）</t>
    <phoneticPr fontId="4"/>
  </si>
  <si>
    <t>１　記入欄が不足する場合は、適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の表
　に出張所に勤務する従業者も含めて記載してください。</t>
    <rPh sb="178" eb="181">
      <t>ジュウギョウシャ</t>
    </rPh>
    <phoneticPr fontId="4"/>
  </si>
  <si>
    <t>（参考）  夜間対応型訪問介護事業所の指定等に係る記載事項記入欄不足時の資料</t>
    <rPh sb="21" eb="22">
      <t>トウ</t>
    </rPh>
    <phoneticPr fontId="4"/>
  </si>
  <si>
    <t>付表第二号（三）  地域密着型通所介護（療養通所介護）事業所の指定等に係る記載事項</t>
    <rPh sb="33" eb="34">
      <t>トウ</t>
    </rPh>
    <phoneticPr fontId="4"/>
  </si>
  <si>
    <t>事　業　所</t>
    <phoneticPr fontId="4"/>
  </si>
  <si>
    <t>名    称</t>
  </si>
  <si>
    <t xml:space="preserve"> －</t>
    <phoneticPr fontId="4"/>
  </si>
  <si>
    <t xml:space="preserve">      ）</t>
    <phoneticPr fontId="4"/>
  </si>
  <si>
    <t>町　村</t>
    <rPh sb="0" eb="1">
      <t>マチ</t>
    </rPh>
    <rPh sb="2" eb="3">
      <t>ムラ</t>
    </rPh>
    <phoneticPr fontId="4"/>
  </si>
  <si>
    <t>管　理　者</t>
    <phoneticPr fontId="4"/>
  </si>
  <si>
    <t xml:space="preserve">（郵便番号  </t>
    <phoneticPr fontId="4"/>
  </si>
  <si>
    <t xml:space="preserve">  － </t>
    <phoneticPr fontId="4"/>
  </si>
  <si>
    <t xml:space="preserve"> ）</t>
    <phoneticPr fontId="4"/>
  </si>
  <si>
    <t>氏  名</t>
    <phoneticPr fontId="4"/>
  </si>
  <si>
    <t xml:space="preserve">当該事業所で兼務する他の職種
（兼務の場合のみ記入）							</t>
    <phoneticPr fontId="4"/>
  </si>
  <si>
    <t>他の事業所、施設等の職務との兼務
（兼務の場合のみ記入）</t>
    <phoneticPr fontId="4"/>
  </si>
  <si>
    <t>兼務先の名称、所在地</t>
    <rPh sb="7" eb="10">
      <t>ショザイチ</t>
    </rPh>
    <phoneticPr fontId="4"/>
  </si>
  <si>
    <t>事業所番号</t>
    <phoneticPr fontId="4"/>
  </si>
  <si>
    <t>共生型サービスの該当有無</t>
    <rPh sb="0" eb="3">
      <t>キョウセイガタ</t>
    </rPh>
    <rPh sb="8" eb="10">
      <t>ガイトウ</t>
    </rPh>
    <rPh sb="10" eb="12">
      <t>ウム</t>
    </rPh>
    <phoneticPr fontId="4"/>
  </si>
  <si>
    <t>○設備に関する基準の確認に必要な事項</t>
    <rPh sb="1" eb="18">
      <t>セ</t>
    </rPh>
    <phoneticPr fontId="4"/>
  </si>
  <si>
    <t>食堂及び機能訓練室の合計面積</t>
  </si>
  <si>
    <t>㎡</t>
  </si>
  <si>
    <t>利用定員（同時利用）</t>
    <rPh sb="0" eb="2">
      <t>リヨウ</t>
    </rPh>
    <rPh sb="2" eb="4">
      <t>テイイン</t>
    </rPh>
    <rPh sb="5" eb="7">
      <t>ドウジ</t>
    </rPh>
    <rPh sb="7" eb="9">
      <t>リヨウ</t>
    </rPh>
    <phoneticPr fontId="4"/>
  </si>
  <si>
    <t>人</t>
    <rPh sb="0" eb="1">
      <t xml:space="preserve">ニン </t>
    </rPh>
    <phoneticPr fontId="4"/>
  </si>
  <si>
    <t>サービス提供単位１</t>
    <rPh sb="4" eb="6">
      <t>テイキョウ</t>
    </rPh>
    <phoneticPr fontId="4"/>
  </si>
  <si>
    <t>○人員に関する基準の確認に必要な事項</t>
    <rPh sb="1" eb="18">
      <t>ジ</t>
    </rPh>
    <phoneticPr fontId="4"/>
  </si>
  <si>
    <t>生活相談員</t>
    <rPh sb="0" eb="2">
      <t>セイカツ</t>
    </rPh>
    <rPh sb="2" eb="5">
      <t>ソウダンイン</t>
    </rPh>
    <phoneticPr fontId="4"/>
  </si>
  <si>
    <t>看護職員</t>
  </si>
  <si>
    <t>介護職員</t>
  </si>
  <si>
    <t>機能訓練指導員</t>
  </si>
  <si>
    <t>常  勤（人）</t>
    <phoneticPr fontId="4"/>
  </si>
  <si>
    <t>非常勤（人）</t>
    <phoneticPr fontId="4"/>
  </si>
  <si>
    <t>営業日
（該当に〇）</t>
    <rPh sb="0" eb="2">
      <t>エイギョウ</t>
    </rPh>
    <rPh sb="2" eb="3">
      <t>ビ</t>
    </rPh>
    <rPh sb="5" eb="7">
      <t>ガイトウ</t>
    </rPh>
    <phoneticPr fontId="4"/>
  </si>
  <si>
    <t>日曜日</t>
    <rPh sb="0" eb="3">
      <t>ニチヨウビ</t>
    </rPh>
    <phoneticPr fontId="4"/>
  </si>
  <si>
    <t>月曜日</t>
    <rPh sb="0" eb="3">
      <t>ゲツヨウビ</t>
    </rPh>
    <phoneticPr fontId="4"/>
  </si>
  <si>
    <t>火曜日</t>
  </si>
  <si>
    <t>水曜日</t>
  </si>
  <si>
    <t>木曜日</t>
  </si>
  <si>
    <t>金曜日</t>
  </si>
  <si>
    <t>土曜日</t>
  </si>
  <si>
    <t>祝日</t>
    <rPh sb="0" eb="2">
      <t>シュクジツ</t>
    </rPh>
    <phoneticPr fontId="4"/>
  </si>
  <si>
    <t>その他（年末年始休日等）</t>
    <phoneticPr fontId="4"/>
  </si>
  <si>
    <t>　　　　　営業時間</t>
    <phoneticPr fontId="4"/>
  </si>
  <si>
    <t>：</t>
  </si>
  <si>
    <t>～</t>
    <phoneticPr fontId="4"/>
  </si>
  <si>
    <t>曜日ごとに
異なる場合
記入</t>
    <phoneticPr fontId="4"/>
  </si>
  <si>
    <t>平日</t>
    <rPh sb="0" eb="2">
      <t>ヘイジツ</t>
    </rPh>
    <phoneticPr fontId="4"/>
  </si>
  <si>
    <t>土曜日</t>
    <rPh sb="0" eb="3">
      <t>ドヨウビ</t>
    </rPh>
    <phoneticPr fontId="4"/>
  </si>
  <si>
    <t>日曜日・祝日</t>
    <rPh sb="0" eb="2">
      <t>ニチヨウ</t>
    </rPh>
    <rPh sb="2" eb="3">
      <t>ヒ</t>
    </rPh>
    <rPh sb="4" eb="6">
      <t>シュクジツ</t>
    </rPh>
    <phoneticPr fontId="4"/>
  </si>
  <si>
    <t>サービス提供時間</t>
    <rPh sb="4" eb="6">
      <t>テイキョウ</t>
    </rPh>
    <phoneticPr fontId="4"/>
  </si>
  <si>
    <t>利用定員</t>
    <rPh sb="0" eb="2">
      <t>リヨウ</t>
    </rPh>
    <rPh sb="2" eb="4">
      <t>テイイン</t>
    </rPh>
    <phoneticPr fontId="4"/>
  </si>
  <si>
    <t>人</t>
    <rPh sb="0" eb="1">
      <t>ヒト</t>
    </rPh>
    <phoneticPr fontId="4"/>
  </si>
  <si>
    <t>サービス提供単位２</t>
    <rPh sb="4" eb="6">
      <t>テイキョウ</t>
    </rPh>
    <phoneticPr fontId="4"/>
  </si>
  <si>
    <t>サービス提供単位３</t>
    <rPh sb="4" eb="6">
      <t>テイキョウ</t>
    </rPh>
    <phoneticPr fontId="4"/>
  </si>
  <si>
    <t>添付書類</t>
    <phoneticPr fontId="4"/>
  </si>
  <si>
    <t>別添のとおり</t>
  </si>
  <si>
    <t>　</t>
    <phoneticPr fontId="4"/>
  </si>
  <si>
    <t>（地域密着型通所介護事業を事業所所在地以外の場所で一部実施する場合）</t>
    <rPh sb="1" eb="6">
      <t>チイキミッチャクガタ</t>
    </rPh>
    <rPh sb="13" eb="15">
      <t>ジギョウ</t>
    </rPh>
    <rPh sb="15" eb="16">
      <t>ショ</t>
    </rPh>
    <rPh sb="16" eb="19">
      <t>ショザイチ</t>
    </rPh>
    <rPh sb="19" eb="21">
      <t>イガイ</t>
    </rPh>
    <rPh sb="22" eb="24">
      <t>バショ</t>
    </rPh>
    <rPh sb="25" eb="27">
      <t>イチブ</t>
    </rPh>
    <rPh sb="27" eb="29">
      <t>ジッシ</t>
    </rPh>
    <rPh sb="31" eb="33">
      <t>バアイ</t>
    </rPh>
    <phoneticPr fontId="4"/>
  </si>
  <si>
    <t>サービス提供単位１</t>
    <phoneticPr fontId="4"/>
  </si>
  <si>
    <t>サービス提供単位２</t>
    <phoneticPr fontId="4"/>
  </si>
  <si>
    <t>サービス提供単位３</t>
    <phoneticPr fontId="4"/>
  </si>
  <si>
    <t>平面図</t>
    <rPh sb="0" eb="3">
      <t>ヘイメンズ</t>
    </rPh>
    <phoneticPr fontId="4"/>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看護職員又は介護職員と兼務しない場合にのみ記載してください。
４　当該事業を事業所所在地以外の場所（いわゆる出張所）で一部実施する場合、下段の表に所在地等を記載してください。また、従業者については、上段の表に出張
　所に勤務する従業者も含めて記載してください。
５　サービス提供時間は、送迎時間を除きます。  
</t>
    <rPh sb="230" eb="233">
      <t>ジュウギョウシャ</t>
    </rPh>
    <phoneticPr fontId="4"/>
  </si>
  <si>
    <t>（参考）  地域密着型通所介護（療養通所介護）事業所の指定等に係る記載事項記入欄不足時の資料</t>
    <rPh sb="6" eb="8">
      <t>チイキ</t>
    </rPh>
    <rPh sb="8" eb="11">
      <t>ミッチャクガタ</t>
    </rPh>
    <rPh sb="29" eb="30">
      <t>トウ</t>
    </rPh>
    <phoneticPr fontId="4"/>
  </si>
  <si>
    <t>■サービス提供単位４以降</t>
    <rPh sb="5" eb="7">
      <t>テイキョウ</t>
    </rPh>
    <phoneticPr fontId="4"/>
  </si>
  <si>
    <t>サービス提供単位４</t>
    <rPh sb="4" eb="6">
      <t>テイキョウ</t>
    </rPh>
    <phoneticPr fontId="4"/>
  </si>
  <si>
    <t>サービス提供単位５</t>
    <rPh sb="4" eb="6">
      <t>テイキョウ</t>
    </rPh>
    <phoneticPr fontId="4"/>
  </si>
  <si>
    <t>サービス提供単位６</t>
    <rPh sb="4" eb="6">
      <t>テイキョウ</t>
    </rPh>
    <phoneticPr fontId="4"/>
  </si>
  <si>
    <t>■複数事業所又はサービス提供単位４以降</t>
    <rPh sb="1" eb="3">
      <t>フクスウ</t>
    </rPh>
    <rPh sb="3" eb="6">
      <t>ジギョウショ</t>
    </rPh>
    <rPh sb="6" eb="7">
      <t>マタ</t>
    </rPh>
    <rPh sb="12" eb="14">
      <t>テイキョウ</t>
    </rPh>
    <phoneticPr fontId="4"/>
  </si>
  <si>
    <t>サービス提供単位４</t>
    <phoneticPr fontId="4"/>
  </si>
  <si>
    <t>サービス提供単位５</t>
    <phoneticPr fontId="4"/>
  </si>
  <si>
    <t>サービス提供単位６</t>
    <phoneticPr fontId="4"/>
  </si>
  <si>
    <t>付表第二号（四）  認知症対応型通所介護事業所・介護予防認知症対応型通所介護事業所の指定等に係る記載事項（単独型・併設型）</t>
    <rPh sb="44" eb="45">
      <t>トウ</t>
    </rPh>
    <phoneticPr fontId="4"/>
  </si>
  <si>
    <t>事業の実施形態</t>
    <rPh sb="0" eb="2">
      <t>ジギョウ</t>
    </rPh>
    <rPh sb="3" eb="5">
      <t>ジッシ</t>
    </rPh>
    <rPh sb="5" eb="7">
      <t>ケイタイ</t>
    </rPh>
    <phoneticPr fontId="4"/>
  </si>
  <si>
    <t>当該事業所で兼務する他の職種
（兼務の場合のみ記入）</t>
    <phoneticPr fontId="4"/>
  </si>
  <si>
    <t>利用定員（同時利用）</t>
    <phoneticPr fontId="4"/>
  </si>
  <si>
    <t>生活相談員</t>
    <phoneticPr fontId="4"/>
  </si>
  <si>
    <t>看護職員</t>
    <phoneticPr fontId="4"/>
  </si>
  <si>
    <t>機能訓練指導員</t>
    <phoneticPr fontId="4"/>
  </si>
  <si>
    <t>○設備に関する基準の確認に必要な事項</t>
    <phoneticPr fontId="4"/>
  </si>
  <si>
    <t>営業日（該当に〇）</t>
    <rPh sb="0" eb="2">
      <t>エイギョウ</t>
    </rPh>
    <rPh sb="2" eb="3">
      <t>ビ</t>
    </rPh>
    <phoneticPr fontId="4"/>
  </si>
  <si>
    <t>営業時間</t>
    <phoneticPr fontId="4"/>
  </si>
  <si>
    <t>～</t>
  </si>
  <si>
    <t>平日</t>
    <phoneticPr fontId="4"/>
  </si>
  <si>
    <t>日曜日・祝日</t>
    <rPh sb="0" eb="2">
      <t>ニチヨウ</t>
    </rPh>
    <rPh sb="2" eb="3">
      <t>ビ</t>
    </rPh>
    <rPh sb="4" eb="6">
      <t>シュクジツ</t>
    </rPh>
    <phoneticPr fontId="4"/>
  </si>
  <si>
    <t>人</t>
  </si>
  <si>
    <t>（認知症対応型通所介護事業所・介護予防認知症対応型通所介護事業所を事業所所在地以外の場所で一部実施する場合）</t>
    <rPh sb="51" eb="53">
      <t>バアイ</t>
    </rPh>
    <phoneticPr fontId="4"/>
  </si>
  <si>
    <t xml:space="preserve">
所在地</t>
    <phoneticPr fontId="4"/>
  </si>
  <si>
    <t xml:space="preserve">  （郵便番号              </t>
    <phoneticPr fontId="4"/>
  </si>
  <si>
    <t xml:space="preserve">  ）</t>
  </si>
  <si>
    <t>㎡</t>
    <phoneticPr fontId="4"/>
  </si>
  <si>
    <t>人</t>
    <phoneticPr fontId="4"/>
  </si>
  <si>
    <t>１
２
３
４
５</t>
    <phoneticPr fontId="4"/>
  </si>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看護職員又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送迎時間を除きます。                    </t>
    <phoneticPr fontId="4"/>
  </si>
  <si>
    <t>（参考） 認知症対応型通所介護事業所・介護予防認知症対応型通所介護事業所の指定等に係る記載事項（単独型・併設型）記入欄不足時の資料</t>
    <rPh sb="39" eb="40">
      <t>トウ</t>
    </rPh>
    <phoneticPr fontId="4"/>
  </si>
  <si>
    <t>■複数事業所又はサービス提供単位４以降</t>
    <rPh sb="1" eb="3">
      <t>フクスウ</t>
    </rPh>
    <rPh sb="3" eb="6">
      <t>ジギョウショ</t>
    </rPh>
    <rPh sb="6" eb="7">
      <t>マタ</t>
    </rPh>
    <rPh sb="12" eb="14">
      <t>テイキョウ</t>
    </rPh>
    <rPh sb="17" eb="19">
      <t>イコウ</t>
    </rPh>
    <phoneticPr fontId="4"/>
  </si>
  <si>
    <t>付表第二号（五）  認知症対応型通所介護事業所・介護予防認知症対応型通所介護事業所の指定等に係る記載事項　（共用型）</t>
    <rPh sb="44" eb="45">
      <t>トウ</t>
    </rPh>
    <phoneticPr fontId="4"/>
  </si>
  <si>
    <t xml:space="preserve">（郵便番号            </t>
    <phoneticPr fontId="4"/>
  </si>
  <si>
    <t>本体事業種別</t>
    <rPh sb="0" eb="2">
      <t>ホンタイ</t>
    </rPh>
    <rPh sb="2" eb="4">
      <t>ジギョウ</t>
    </rPh>
    <rPh sb="4" eb="6">
      <t>シュベツ</t>
    </rPh>
    <phoneticPr fontId="4"/>
  </si>
  <si>
    <t>事業所番号</t>
  </si>
  <si>
    <t>○人員に関する基準の確認に必要な事項</t>
    <rPh sb="1" eb="3">
      <t>ジンイン</t>
    </rPh>
    <rPh sb="4" eb="5">
      <t>カン</t>
    </rPh>
    <rPh sb="7" eb="9">
      <t>キジュン</t>
    </rPh>
    <rPh sb="10" eb="12">
      <t>カクニン</t>
    </rPh>
    <rPh sb="13" eb="15">
      <t>ヒツヨウ</t>
    </rPh>
    <rPh sb="16" eb="18">
      <t>ジコウ</t>
    </rPh>
    <phoneticPr fontId="4"/>
  </si>
  <si>
    <t>本体の事業所等の入居者を含めた利用者数</t>
    <rPh sb="0" eb="2">
      <t>ホンタイ</t>
    </rPh>
    <rPh sb="3" eb="6">
      <t>ジギョウショ</t>
    </rPh>
    <rPh sb="6" eb="7">
      <t>トウ</t>
    </rPh>
    <rPh sb="8" eb="11">
      <t>ニュウキョシャ</t>
    </rPh>
    <rPh sb="12" eb="13">
      <t>フク</t>
    </rPh>
    <rPh sb="15" eb="18">
      <t>リヨウシャ</t>
    </rPh>
    <rPh sb="18" eb="19">
      <t>カズ</t>
    </rPh>
    <phoneticPr fontId="4"/>
  </si>
  <si>
    <t>人</t>
    <rPh sb="0" eb="1">
      <t>ニン</t>
    </rPh>
    <phoneticPr fontId="4"/>
  </si>
  <si>
    <t>介護職員又は介護従業者</t>
    <rPh sb="4" eb="5">
      <t>マタ</t>
    </rPh>
    <rPh sb="6" eb="8">
      <t>カイゴ</t>
    </rPh>
    <rPh sb="8" eb="11">
      <t>ジュウギョウシャ</t>
    </rPh>
    <phoneticPr fontId="4"/>
  </si>
  <si>
    <t>計画作成担当者</t>
  </si>
  <si>
    <t>医   師</t>
  </si>
  <si>
    <t>栄養士</t>
    <phoneticPr fontId="4"/>
  </si>
  <si>
    <t>介護支援専門員</t>
    <phoneticPr fontId="4"/>
  </si>
  <si>
    <t>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看護職員又は介護職員と兼務しない場合にのみ記載してください。
４　当該事業を事業所所在地以外の場所（いわゆる出張所）で一部実施する場合、下段の表に所在地等を記載してください。また、
　従業者については、上段の表に出張所に勤務する従業者も含めて記載してください。 
５　サービス提供時間は、送迎時間を除きます。</t>
    <rPh sb="120" eb="121">
      <t>マタ</t>
    </rPh>
    <rPh sb="230" eb="233">
      <t>ジュウギョウシャ</t>
    </rPh>
    <phoneticPr fontId="4"/>
  </si>
  <si>
    <t>（参考）  認知症対応型通所介護事業所・介護予防認知症対応型通所介護事業所の指定等に係る記載事項（共用型）記入欄不足時の資料</t>
    <rPh sb="40" eb="41">
      <t>トウ</t>
    </rPh>
    <phoneticPr fontId="4"/>
  </si>
  <si>
    <t>（認知症対応型通所介護事業所・介護予防認知症対応型通所介護事業所を事業所所在地以外の場所で一部実施する場合）</t>
    <phoneticPr fontId="4"/>
  </si>
  <si>
    <t>付表第二号（六）　小規模多機能型居宅介護事業所・介護予防小規模多機能型居宅介護事業所の指定等に係る記載事項</t>
    <rPh sb="45" eb="46">
      <t>トウ</t>
    </rPh>
    <phoneticPr fontId="4"/>
  </si>
  <si>
    <t xml:space="preserve">（郵便番号    </t>
    <phoneticPr fontId="4"/>
  </si>
  <si>
    <t>FAX 番号</t>
    <phoneticPr fontId="4"/>
  </si>
  <si>
    <t>兼務先の名称、所在地</t>
    <phoneticPr fontId="4"/>
  </si>
  <si>
    <t>兼務先のサービス種別、兼務する職種 及び勤務時間等</t>
    <phoneticPr fontId="4"/>
  </si>
  <si>
    <t>協力医療機関</t>
    <rPh sb="0" eb="2">
      <t>キョウリョク</t>
    </rPh>
    <rPh sb="2" eb="4">
      <t>イリョウ</t>
    </rPh>
    <rPh sb="4" eb="6">
      <t>キカン</t>
    </rPh>
    <phoneticPr fontId="4"/>
  </si>
  <si>
    <t>名称</t>
  </si>
  <si>
    <t>主な診療科名</t>
    <phoneticPr fontId="4"/>
  </si>
  <si>
    <t>介護従業者</t>
    <phoneticPr fontId="4"/>
  </si>
  <si>
    <t>介護支援専門員</t>
  </si>
  <si>
    <t>通いサービスの利用者数（推定数を記入）</t>
  </si>
  <si>
    <t>○設備に関する基準の確認に必要な情報</t>
    <phoneticPr fontId="4"/>
  </si>
  <si>
    <t>居間及び食堂の合計面積</t>
  </si>
  <si>
    <t>個室以外の宿泊室の合計面積</t>
    <phoneticPr fontId="4"/>
  </si>
  <si>
    <t>宿泊サービスの利用定員から個室の定員数を減じた数</t>
    <phoneticPr fontId="4"/>
  </si>
  <si>
    <t>登録定員</t>
  </si>
  <si>
    <t>通いサービスの利用定員</t>
  </si>
  <si>
    <t>宿泊サービスの利用定員</t>
    <phoneticPr fontId="4"/>
  </si>
  <si>
    <t>建物の構造</t>
    <rPh sb="0" eb="2">
      <t>タテモノ</t>
    </rPh>
    <rPh sb="3" eb="5">
      <t>コウゾウ</t>
    </rPh>
    <phoneticPr fontId="4"/>
  </si>
  <si>
    <t>（小規模多機能型居宅介護事業所・介護予防小規模多機能型居宅介護事業所を事業所所在地以外の場所で一部実施する場合の記載事項）</t>
    <phoneticPr fontId="4"/>
  </si>
  <si>
    <t xml:space="preserve">          </t>
    <phoneticPr fontId="4"/>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 </t>
    <rPh sb="221" eb="224">
      <t>ジュウギョウシャ</t>
    </rPh>
    <phoneticPr fontId="4"/>
  </si>
  <si>
    <t>（参考）　小規模多機能型居宅介護事業所・介護予防小規模多機能型居宅介護事業所の指定等に係る記載事項記入欄不足時の資料</t>
    <rPh sb="41" eb="42">
      <t>トウ</t>
    </rPh>
    <phoneticPr fontId="4"/>
  </si>
  <si>
    <t>■協力医療機関</t>
    <rPh sb="1" eb="3">
      <t>キョウリョク</t>
    </rPh>
    <rPh sb="3" eb="5">
      <t>イリョウ</t>
    </rPh>
    <rPh sb="5" eb="7">
      <t>キカン</t>
    </rPh>
    <phoneticPr fontId="4"/>
  </si>
  <si>
    <t>付表第二号（七）　認知症対応型共同生活介護事業所・介護予防認知症対応型共同生活介護事業所の指定等に係る記載事項</t>
    <rPh sb="47" eb="48">
      <t>トウ</t>
    </rPh>
    <phoneticPr fontId="4"/>
  </si>
  <si>
    <t>名    称</t>
    <phoneticPr fontId="4"/>
  </si>
  <si>
    <t xml:space="preserve">  －   </t>
  </si>
  <si>
    <t>当該事業所で兼務する他の職種（兼務の場合のみ記入）</t>
    <phoneticPr fontId="4"/>
  </si>
  <si>
    <t>他の事業所、施設等の職務との兼務（兼務の場合のみ記入）</t>
    <phoneticPr fontId="4"/>
  </si>
  <si>
    <t>本体施設の有無</t>
    <rPh sb="0" eb="2">
      <t>ホンタイ</t>
    </rPh>
    <rPh sb="2" eb="4">
      <t>シセツ</t>
    </rPh>
    <rPh sb="5" eb="7">
      <t>ウム</t>
    </rPh>
    <phoneticPr fontId="4"/>
  </si>
  <si>
    <t>本体施設名称</t>
    <rPh sb="0" eb="2">
      <t>ホンタイ</t>
    </rPh>
    <rPh sb="2" eb="4">
      <t>シセツ</t>
    </rPh>
    <phoneticPr fontId="4"/>
  </si>
  <si>
    <t>協力医
療機関</t>
    <rPh sb="0" eb="2">
      <t>キョウリョク</t>
    </rPh>
    <rPh sb="2" eb="3">
      <t>イ</t>
    </rPh>
    <rPh sb="4" eb="5">
      <t>リョウ</t>
    </rPh>
    <rPh sb="5" eb="7">
      <t>キカン</t>
    </rPh>
    <phoneticPr fontId="4"/>
  </si>
  <si>
    <t>主な診療科名</t>
  </si>
  <si>
    <t>共同生活住居数</t>
  </si>
  <si>
    <t>戸</t>
  </si>
  <si>
    <t>①</t>
  </si>
  <si>
    <t>②</t>
  </si>
  <si>
    <t>③</t>
    <phoneticPr fontId="4"/>
  </si>
  <si>
    <t>従業者の職種・員数</t>
    <phoneticPr fontId="4"/>
  </si>
  <si>
    <t>介護従業者</t>
  </si>
  <si>
    <t>利用者数(推定数を記入)</t>
    <phoneticPr fontId="4"/>
  </si>
  <si>
    <t>合計</t>
    <rPh sb="0" eb="2">
      <t>ゴウケイ</t>
    </rPh>
    <phoneticPr fontId="4"/>
  </si>
  <si>
    <t>利用定員</t>
    <phoneticPr fontId="4"/>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t>
    <phoneticPr fontId="4"/>
  </si>
  <si>
    <t>（参考）　認知症対応型共同生活介護事業所・介護予防認知症対応型共同生活介護事業所の指定等に係る記載事項 記入欄不足時の資料</t>
    <rPh sb="43" eb="44">
      <t>トウ</t>
    </rPh>
    <phoneticPr fontId="4"/>
  </si>
  <si>
    <t>■協力医療機関</t>
    <phoneticPr fontId="4"/>
  </si>
  <si>
    <t>付表第二号（八）  地域密着型特定施設入居者生活介護事業所の指定等に係る記載事項</t>
    <rPh sb="32" eb="33">
      <t>トウ</t>
    </rPh>
    <phoneticPr fontId="4"/>
  </si>
  <si>
    <t xml:space="preserve"> －  </t>
    <phoneticPr fontId="4"/>
  </si>
  <si>
    <t>FAX 番号</t>
  </si>
  <si>
    <t>施設の区分
（該当に○）</t>
    <rPh sb="7" eb="9">
      <t>ガイトウ</t>
    </rPh>
    <phoneticPr fontId="4"/>
  </si>
  <si>
    <t>有料老人ホーム</t>
    <phoneticPr fontId="4"/>
  </si>
  <si>
    <t>施設開設年月日</t>
    <rPh sb="0" eb="2">
      <t>シセツ</t>
    </rPh>
    <rPh sb="2" eb="4">
      <t>カイセツ</t>
    </rPh>
    <rPh sb="4" eb="7">
      <t>ネンガッピ</t>
    </rPh>
    <phoneticPr fontId="4"/>
  </si>
  <si>
    <t>軽費老人ホーム</t>
    <phoneticPr fontId="4"/>
  </si>
  <si>
    <t>サービス付き高齢者向け住宅</t>
    <phoneticPr fontId="4"/>
  </si>
  <si>
    <t>（郵便番号</t>
    <rPh sb="1" eb="5">
      <t>ユウビンバンゴウ</t>
    </rPh>
    <phoneticPr fontId="4"/>
  </si>
  <si>
    <t>当該事業所で兼務する他の職種（兼務の場合のみ記入）</t>
    <rPh sb="2" eb="5">
      <t>ジギョウショ</t>
    </rPh>
    <phoneticPr fontId="4"/>
  </si>
  <si>
    <t>兼務先のサービス種別、兼務する職種及び勤務時間等</t>
    <phoneticPr fontId="4"/>
  </si>
  <si>
    <t>主な診療科名</t>
    <rPh sb="0" eb="1">
      <t>オモ</t>
    </rPh>
    <rPh sb="2" eb="4">
      <t>シンリョウ</t>
    </rPh>
    <rPh sb="4" eb="6">
      <t>カメイ</t>
    </rPh>
    <phoneticPr fontId="4"/>
  </si>
  <si>
    <t>生活相談員</t>
  </si>
  <si>
    <t>看護職員</t>
    <rPh sb="0" eb="2">
      <t>カンゴ</t>
    </rPh>
    <rPh sb="2" eb="4">
      <t>ショクイン</t>
    </rPh>
    <phoneticPr fontId="4"/>
  </si>
  <si>
    <t>介護職員</t>
    <rPh sb="0" eb="2">
      <t>カイゴ</t>
    </rPh>
    <rPh sb="2" eb="4">
      <t>ショクイン</t>
    </rPh>
    <phoneticPr fontId="4"/>
  </si>
  <si>
    <t>常勤換算後の人数（人）</t>
    <phoneticPr fontId="4"/>
  </si>
  <si>
    <t>利用者数（推定数を記入）</t>
  </si>
  <si>
    <t>（前年の平均値、新規の場合は推定数を記入）</t>
  </si>
  <si>
    <t>要介護者</t>
  </si>
  <si>
    <t>入居定員</t>
    <rPh sb="0" eb="2">
      <t>ニュウキョ</t>
    </rPh>
    <rPh sb="2" eb="4">
      <t>テイイン</t>
    </rPh>
    <phoneticPr fontId="4"/>
  </si>
  <si>
    <t>別添のとおり</t>
    <rPh sb="0" eb="2">
      <t>ベッテン</t>
    </rPh>
    <phoneticPr fontId="4"/>
  </si>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4"/>
  </si>
  <si>
    <t>（参考）  地域密着型特定施設入居者生活介護事業所の指定等に係る記載事項記入欄不足時の資料</t>
    <rPh sb="28" eb="29">
      <t>トウ</t>
    </rPh>
    <phoneticPr fontId="4"/>
  </si>
  <si>
    <t>付表第二号（九）  地域密着型介護老人福祉施設入所者生活介護の指定等に係る記載事項</t>
    <rPh sb="33" eb="34">
      <t>トウ</t>
    </rPh>
    <phoneticPr fontId="4"/>
  </si>
  <si>
    <t>施 設</t>
    <phoneticPr fontId="4"/>
  </si>
  <si>
    <t>フリガナ</t>
    <phoneticPr fontId="4"/>
  </si>
  <si>
    <t>名  称</t>
  </si>
  <si>
    <t>都　道</t>
    <rPh sb="0" eb="1">
      <t>ト</t>
    </rPh>
    <rPh sb="2" eb="3">
      <t>ドウ</t>
    </rPh>
    <phoneticPr fontId="4"/>
  </si>
  <si>
    <t>連 絡 先</t>
  </si>
  <si>
    <t>ﾌﾘｶﾞﾅ</t>
  </si>
  <si>
    <t xml:space="preserve">（郵便番号 </t>
  </si>
  <si>
    <t>氏 名</t>
  </si>
  <si>
    <t>事業所番号</t>
    <rPh sb="0" eb="3">
      <t>ジギョウショ</t>
    </rPh>
    <rPh sb="3" eb="5">
      <t>バンゴウ</t>
    </rPh>
    <phoneticPr fontId="4"/>
  </si>
  <si>
    <t>本体施設の有無</t>
  </si>
  <si>
    <t>本体施設名称</t>
    <rPh sb="0" eb="4">
      <t>ホンタイシセツ</t>
    </rPh>
    <phoneticPr fontId="4"/>
  </si>
  <si>
    <t>併設事業所の有無</t>
  </si>
  <si>
    <t>短期入所生活介護の実施の有無</t>
    <phoneticPr fontId="4"/>
  </si>
  <si>
    <t>事業の実施形態</t>
    <phoneticPr fontId="4"/>
  </si>
  <si>
    <t>介護形式（いずれか一方を選択）</t>
    <rPh sb="9" eb="11">
      <t>イッポウ</t>
    </rPh>
    <phoneticPr fontId="4"/>
  </si>
  <si>
    <t>従来型</t>
    <phoneticPr fontId="4"/>
  </si>
  <si>
    <t>ユニット型</t>
    <phoneticPr fontId="4"/>
  </si>
  <si>
    <t>専 従</t>
  </si>
  <si>
    <t>＊兼務</t>
  </si>
  <si>
    <t>地域密着型介護老人福祉施設及び短期入所生活介護従事人数</t>
    <phoneticPr fontId="4"/>
  </si>
  <si>
    <t>栄養士</t>
  </si>
  <si>
    <t>介護支援専門員等</t>
    <rPh sb="7" eb="8">
      <t>ナド</t>
    </rPh>
    <phoneticPr fontId="4"/>
  </si>
  <si>
    <t>栄養士を配置しない
場合の措置</t>
  </si>
  <si>
    <t>入所者数（推定数を記入）</t>
    <rPh sb="0" eb="2">
      <t>ニュウショ</t>
    </rPh>
    <phoneticPr fontId="4"/>
  </si>
  <si>
    <t>短期入所利用者数（併設型の場合）</t>
    <phoneticPr fontId="4"/>
  </si>
  <si>
    <t>人（推定数を記入）</t>
    <phoneticPr fontId="4"/>
  </si>
  <si>
    <t>地域密着型介護老人福祉施設</t>
  </si>
  <si>
    <t>短期入所生活介護</t>
    <phoneticPr fontId="4"/>
  </si>
  <si>
    <t>居室</t>
  </si>
  <si>
    <t>１室の最大定員</t>
  </si>
  <si>
    <t>入所者１人あたりの最小床面積</t>
  </si>
  <si>
    <t>食堂と機能訓練室の合計面積</t>
    <phoneticPr fontId="4"/>
  </si>
  <si>
    <t>廊下</t>
  </si>
  <si>
    <t>片廊下の幅</t>
  </si>
  <si>
    <t>ｍ</t>
  </si>
  <si>
    <t>中廊下の幅</t>
  </si>
  <si>
    <t>入所定員</t>
    <rPh sb="0" eb="2">
      <t>ニュウショ</t>
    </rPh>
    <rPh sb="2" eb="4">
      <t>テイイン</t>
    </rPh>
    <phoneticPr fontId="4"/>
  </si>
  <si>
    <t xml:space="preserve">１　記入欄が不足する場合は、適宜欄を設けて記載するか又は次頁の記入欄不足時の書類を添付してください。                        
２　「短期入所生活介護を実施している場合の事業の実施形態（空床型・併設型の別）」については、空床型・併設型のいずれか一方又は両方にチェックを
　してください。
３　管理者の兼務については、添付資料にて確認可能な場合は記載を省略することが可能です。 
４　従業者の職種・員数の「＊兼務」欄は、短期入所生活介護以外との兼務を行う従業者について記載してください。                          
５　介護支援専門員に代えて介護の提供に係る計画等の作成に関し経験のある生活相談員等を配置する場合には、その員数は、「介護支援専門員等」
　欄に記載してください。                                  
６　短期入所生活介護を実施していない場合は、短期入所生活介護の「設備に関する基準の確認に必要な事項」欄については、記載不要です。                       
           </t>
    <rPh sb="202" eb="205">
      <t>ジュウギョウシャ</t>
    </rPh>
    <rPh sb="237" eb="240">
      <t>ジュウギョウシャ</t>
    </rPh>
    <phoneticPr fontId="4"/>
  </si>
  <si>
    <t>（参考）  地域密着型介護老人福祉施設入所者生活介護の指定等に係る記載事項記入欄不足時の資料</t>
    <rPh sb="29" eb="30">
      <t>トウ</t>
    </rPh>
    <phoneticPr fontId="4"/>
  </si>
  <si>
    <t>付表第二号（十）   複合型サービス事業所の指定等に係る記載事項</t>
    <rPh sb="24" eb="25">
      <t>トウ</t>
    </rPh>
    <phoneticPr fontId="4"/>
  </si>
  <si>
    <t xml:space="preserve">（郵便番号         </t>
    <phoneticPr fontId="4"/>
  </si>
  <si>
    <t xml:space="preserve">     ）</t>
    <phoneticPr fontId="4"/>
  </si>
  <si>
    <t>訪問看護事業所の指定の有無</t>
    <rPh sb="0" eb="2">
      <t>ホウモン</t>
    </rPh>
    <rPh sb="2" eb="4">
      <t>カンゴ</t>
    </rPh>
    <rPh sb="4" eb="7">
      <t>ジギョウショ</t>
    </rPh>
    <rPh sb="8" eb="10">
      <t>シテイ</t>
    </rPh>
    <rPh sb="11" eb="13">
      <t>ウム</t>
    </rPh>
    <phoneticPr fontId="4"/>
  </si>
  <si>
    <t>種別</t>
    <rPh sb="0" eb="2">
      <t>シュベツ</t>
    </rPh>
    <phoneticPr fontId="4"/>
  </si>
  <si>
    <t>名称</t>
    <rPh sb="0" eb="2">
      <t>メイショウ</t>
    </rPh>
    <phoneticPr fontId="4"/>
  </si>
  <si>
    <t>当該事業所で兼務する他の職種
（兼務の場合のみ記入）</t>
    <rPh sb="6" eb="8">
      <t>ケンム</t>
    </rPh>
    <phoneticPr fontId="4"/>
  </si>
  <si>
    <t>他の事業所、施設等の職務との兼務の有無
（兼務の場合のみ記入）</t>
    <phoneticPr fontId="4"/>
  </si>
  <si>
    <t>兼務先のサービス種別、兼務する職種及び勤務時間等</t>
    <rPh sb="0" eb="2">
      <t>ケンム</t>
    </rPh>
    <rPh sb="2" eb="3">
      <t>サキ</t>
    </rPh>
    <rPh sb="8" eb="10">
      <t>シュベツ</t>
    </rPh>
    <rPh sb="17" eb="18">
      <t>オヨ</t>
    </rPh>
    <phoneticPr fontId="4"/>
  </si>
  <si>
    <t>介護従事者</t>
    <rPh sb="0" eb="2">
      <t>カイゴ</t>
    </rPh>
    <rPh sb="2" eb="5">
      <t>ジュウジシャ</t>
    </rPh>
    <phoneticPr fontId="4"/>
  </si>
  <si>
    <t>うち看護職員</t>
    <rPh sb="2" eb="4">
      <t>カンゴ</t>
    </rPh>
    <rPh sb="4" eb="6">
      <t>ショクイン</t>
    </rPh>
    <phoneticPr fontId="4"/>
  </si>
  <si>
    <t>介護支援専門員</t>
    <rPh sb="0" eb="2">
      <t>カイゴ</t>
    </rPh>
    <rPh sb="2" eb="4">
      <t>シエン</t>
    </rPh>
    <rPh sb="4" eb="7">
      <t>センモンイン</t>
    </rPh>
    <phoneticPr fontId="4"/>
  </si>
  <si>
    <t>通いサービスの利用者数（推定数を記入）</t>
    <rPh sb="0" eb="1">
      <t>カヨ</t>
    </rPh>
    <rPh sb="7" eb="10">
      <t>リヨウシャ</t>
    </rPh>
    <rPh sb="10" eb="11">
      <t>スウ</t>
    </rPh>
    <rPh sb="12" eb="14">
      <t>スイテイ</t>
    </rPh>
    <rPh sb="14" eb="15">
      <t>スウ</t>
    </rPh>
    <rPh sb="16" eb="18">
      <t>キニュウ</t>
    </rPh>
    <phoneticPr fontId="4"/>
  </si>
  <si>
    <t>個室の宿泊室</t>
    <rPh sb="0" eb="2">
      <t>コシツ</t>
    </rPh>
    <rPh sb="3" eb="6">
      <t>シュクハクシツ</t>
    </rPh>
    <phoneticPr fontId="4"/>
  </si>
  <si>
    <t>室</t>
    <phoneticPr fontId="4"/>
  </si>
  <si>
    <t>うち床面積6.4㎡以上7.43㎡未満の宿泊室
（病院又は診療所である場合）</t>
    <rPh sb="2" eb="5">
      <t>ユカメンセキ</t>
    </rPh>
    <rPh sb="9" eb="11">
      <t>イジョウ</t>
    </rPh>
    <rPh sb="16" eb="18">
      <t>ミマン</t>
    </rPh>
    <rPh sb="19" eb="21">
      <t>シュクハク</t>
    </rPh>
    <rPh sb="21" eb="22">
      <t>シツ</t>
    </rPh>
    <rPh sb="24" eb="26">
      <t>ビョウイン</t>
    </rPh>
    <rPh sb="26" eb="27">
      <t>マタ</t>
    </rPh>
    <rPh sb="28" eb="31">
      <t>シンリョウジョ</t>
    </rPh>
    <rPh sb="34" eb="36">
      <t>バアイ</t>
    </rPh>
    <phoneticPr fontId="4"/>
  </si>
  <si>
    <t>個室以外の宿泊室の合計面積</t>
  </si>
  <si>
    <t>宿泊サービスの利用定員から
個室の定員数を減じた数</t>
    <phoneticPr fontId="4"/>
  </si>
  <si>
    <t>宿泊サービスの利用定員</t>
  </si>
  <si>
    <t>利用者の推定数</t>
    <rPh sb="0" eb="3">
      <t>リヨウシャ</t>
    </rPh>
    <rPh sb="4" eb="6">
      <t>スイテイ</t>
    </rPh>
    <rPh sb="6" eb="7">
      <t>スウ</t>
    </rPh>
    <phoneticPr fontId="4"/>
  </si>
  <si>
    <t>（複合型サービス事業所を事業所所在地以外の場所で一部実施する場合の記載事項）</t>
    <rPh sb="1" eb="4">
      <t>フクゴウガタ</t>
    </rPh>
    <phoneticPr fontId="4"/>
  </si>
  <si>
    <t xml:space="preserve">      － </t>
    <phoneticPr fontId="4"/>
  </si>
  <si>
    <t>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t>
    <rPh sb="220" eb="223">
      <t>ジュウギョウシャ</t>
    </rPh>
    <phoneticPr fontId="4"/>
  </si>
  <si>
    <t>（参考）   複合型サービス事業所の指定等に係る記載事項記入欄不足時の資料</t>
    <rPh sb="7" eb="10">
      <t>フクゴウガタ</t>
    </rPh>
    <rPh sb="14" eb="17">
      <t>ジギョウショ</t>
    </rPh>
    <rPh sb="20" eb="21">
      <t>トウ</t>
    </rPh>
    <phoneticPr fontId="4"/>
  </si>
  <si>
    <t>付表第二号（十一）  指定居宅介護支援事業所の指定等に係る記載事項</t>
    <rPh sb="25" eb="26">
      <t>トウ</t>
    </rPh>
    <phoneticPr fontId="4"/>
  </si>
  <si>
    <t xml:space="preserve">    ）</t>
  </si>
  <si>
    <t>)</t>
    <phoneticPr fontId="4"/>
  </si>
  <si>
    <t>氏　　名</t>
    <phoneticPr fontId="4"/>
  </si>
  <si>
    <t>従業者の職種・員数（人）</t>
  </si>
  <si>
    <t>専  従</t>
  </si>
  <si>
    <t>兼  務</t>
  </si>
  <si>
    <t>事業開始時の利用者の推定数</t>
    <rPh sb="10" eb="12">
      <t>スイテイ</t>
    </rPh>
    <phoneticPr fontId="4"/>
  </si>
  <si>
    <t>１　記入欄が不足する場合は、適宜欄を設けて記載してください。
２　管理者の兼務については、添付資料にて確認可能な場合は記載を省略することが可能です。</t>
    <phoneticPr fontId="4"/>
  </si>
  <si>
    <t>付表第二号（十二）  指定介護予防支援事業所の指定等に係る記載事項</t>
    <rPh sb="25" eb="26">
      <t>トウ</t>
    </rPh>
    <phoneticPr fontId="4"/>
  </si>
  <si>
    <t>　　　　　</t>
    <phoneticPr fontId="4"/>
  </si>
  <si>
    <r>
      <t>当該事業所で兼務する他の職種</t>
    </r>
    <r>
      <rPr>
        <strike/>
        <sz val="10"/>
        <rFont val="游ゴシック"/>
        <family val="3"/>
        <charset val="128"/>
        <scheme val="minor"/>
      </rPr>
      <t xml:space="preserve">
</t>
    </r>
    <r>
      <rPr>
        <sz val="10"/>
        <rFont val="游ゴシック"/>
        <family val="3"/>
        <charset val="128"/>
        <scheme val="minor"/>
      </rPr>
      <t>（兼務の場合のみ記入）</t>
    </r>
    <rPh sb="6" eb="8">
      <t>ケンム</t>
    </rPh>
    <rPh sb="10" eb="11">
      <t>ホカ</t>
    </rPh>
    <rPh sb="12" eb="14">
      <t>ショクシュ</t>
    </rPh>
    <phoneticPr fontId="4"/>
  </si>
  <si>
    <t>他の事業所、施設等の職務との兼務
（兼務の場合のみ記入）</t>
    <rPh sb="0" eb="1">
      <t>タ</t>
    </rPh>
    <rPh sb="2" eb="5">
      <t>ジギョウショ</t>
    </rPh>
    <rPh sb="6" eb="8">
      <t>シセツ</t>
    </rPh>
    <rPh sb="8" eb="9">
      <t>ナド</t>
    </rPh>
    <rPh sb="10" eb="12">
      <t>ショクム</t>
    </rPh>
    <phoneticPr fontId="4"/>
  </si>
  <si>
    <t>担当職員</t>
    <rPh sb="0" eb="2">
      <t>タントウ</t>
    </rPh>
    <rPh sb="2" eb="4">
      <t>ショクイン</t>
    </rPh>
    <phoneticPr fontId="4"/>
  </si>
  <si>
    <t>専従</t>
    <phoneticPr fontId="4"/>
  </si>
  <si>
    <t>１　記入欄が不足する場合は、適宜欄を設けて記載してください。
２　管理者の兼務については、添付資料にて確認可能な場合は記載を省略することが可能です。
３　担当職員については、指定居宅介護支援事業者である場合は介護支援専門員について記載してください。</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yyyy&quot;年&quot;m&quot;月&quot;d&quot;日&quot;;@"/>
    <numFmt numFmtId="177" formatCode="h:mm;@"/>
    <numFmt numFmtId="178" formatCode="0_);[Red]\(0\)"/>
  </numFmts>
  <fonts count="71">
    <font>
      <sz val="11"/>
      <color theme="1"/>
      <name val="游ゴシック"/>
      <family val="2"/>
      <charset val="128"/>
      <scheme val="minor"/>
    </font>
    <font>
      <sz val="10"/>
      <color rgb="FF000000"/>
      <name val="Times New Roman"/>
      <family val="1"/>
    </font>
    <font>
      <b/>
      <sz val="12"/>
      <color theme="1"/>
      <name val="游ゴシック"/>
      <family val="3"/>
      <charset val="128"/>
      <scheme val="minor"/>
    </font>
    <font>
      <sz val="6"/>
      <name val="游ゴシック"/>
      <family val="2"/>
      <charset val="128"/>
      <scheme val="minor"/>
    </font>
    <font>
      <sz val="6"/>
      <name val="ＭＳ Ｐゴシック"/>
      <family val="3"/>
      <charset val="128"/>
    </font>
    <font>
      <sz val="10"/>
      <color theme="1"/>
      <name val="游ゴシック"/>
      <family val="3"/>
      <charset val="128"/>
      <scheme val="minor"/>
    </font>
    <font>
      <sz val="10.5"/>
      <color theme="1"/>
      <name val="游ゴシック"/>
      <family val="3"/>
      <charset val="128"/>
      <scheme val="minor"/>
    </font>
    <font>
      <sz val="12"/>
      <color theme="1"/>
      <name val="游ゴシック"/>
      <family val="3"/>
      <charset val="128"/>
      <scheme val="minor"/>
    </font>
    <font>
      <sz val="9"/>
      <color theme="1"/>
      <name val="游ゴシック"/>
      <family val="3"/>
      <charset val="128"/>
      <scheme val="minor"/>
    </font>
    <font>
      <sz val="10.5"/>
      <name val="游ゴシック"/>
      <family val="3"/>
      <charset val="128"/>
      <scheme val="minor"/>
    </font>
    <font>
      <sz val="9"/>
      <name val="游ゴシック"/>
      <family val="3"/>
      <charset val="128"/>
      <scheme val="minor"/>
    </font>
    <font>
      <sz val="10"/>
      <name val="游ゴシック"/>
      <family val="3"/>
      <charset val="128"/>
      <scheme val="minor"/>
    </font>
    <font>
      <sz val="11"/>
      <name val="ＭＳ Ｐゴシック"/>
      <family val="3"/>
      <charset val="128"/>
    </font>
    <font>
      <sz val="10.5"/>
      <name val="ＭＳ Ｐゴシック"/>
      <family val="3"/>
      <charset val="128"/>
    </font>
    <font>
      <sz val="10.5"/>
      <color rgb="FF000000"/>
      <name val="ＭＳ Ｐゴシック"/>
      <family val="3"/>
      <charset val="128"/>
    </font>
    <font>
      <sz val="10"/>
      <color rgb="FF000000"/>
      <name val="ＭＳ Ｐゴシック"/>
      <family val="3"/>
      <charset val="128"/>
    </font>
    <font>
      <sz val="8"/>
      <name val="游ゴシック"/>
      <family val="3"/>
      <charset val="128"/>
      <scheme val="minor"/>
    </font>
    <font>
      <b/>
      <sz val="12"/>
      <name val="游ゴシック"/>
      <family val="3"/>
      <charset val="128"/>
      <scheme val="minor"/>
    </font>
    <font>
      <sz val="10"/>
      <color rgb="FF000000"/>
      <name val="游ゴシック"/>
      <family val="3"/>
      <charset val="128"/>
      <scheme val="minor"/>
    </font>
    <font>
      <sz val="12"/>
      <name val="游ゴシック"/>
      <family val="3"/>
      <charset val="128"/>
      <scheme val="minor"/>
    </font>
    <font>
      <sz val="9"/>
      <color rgb="FF000000"/>
      <name val="Meiryo UI"/>
      <family val="3"/>
      <charset val="128"/>
    </font>
    <font>
      <b/>
      <sz val="12"/>
      <color theme="1"/>
      <name val="ＭＳ ゴシック"/>
      <family val="3"/>
      <charset val="128"/>
    </font>
    <font>
      <sz val="10.5"/>
      <color theme="1"/>
      <name val="ＭＳ ゴシック"/>
      <family val="3"/>
      <charset val="128"/>
    </font>
    <font>
      <sz val="11"/>
      <color theme="1"/>
      <name val="ＭＳ ゴシック"/>
      <family val="3"/>
      <charset val="128"/>
    </font>
    <font>
      <sz val="10"/>
      <color theme="1"/>
      <name val="ＭＳ Ｐゴシック"/>
      <family val="3"/>
      <charset val="128"/>
    </font>
    <font>
      <sz val="9"/>
      <color theme="1"/>
      <name val="ＭＳ ゴシック"/>
      <family val="3"/>
      <charset val="128"/>
    </font>
    <font>
      <sz val="10"/>
      <color theme="1"/>
      <name val="Times New Roman"/>
      <family val="1"/>
    </font>
    <font>
      <sz val="10"/>
      <color theme="1"/>
      <name val="ＭＳ ゴシック"/>
      <family val="3"/>
      <charset val="128"/>
    </font>
    <font>
      <sz val="10.5"/>
      <name val="ＭＳ ゴシック"/>
      <family val="3"/>
      <charset val="128"/>
    </font>
    <font>
      <sz val="10"/>
      <color theme="1"/>
      <name val="游ゴシック"/>
      <family val="3"/>
      <charset val="128"/>
    </font>
    <font>
      <sz val="10.6"/>
      <color theme="1"/>
      <name val="Times New Roman"/>
      <family val="1"/>
    </font>
    <font>
      <sz val="10.6"/>
      <color theme="1"/>
      <name val="ＭＳ ゴシック"/>
      <family val="3"/>
      <charset val="128"/>
    </font>
    <font>
      <b/>
      <sz val="12"/>
      <name val="ＭＳ ゴシック"/>
      <family val="3"/>
      <charset val="128"/>
    </font>
    <font>
      <sz val="11"/>
      <name val="ＭＳ ゴシック"/>
      <family val="3"/>
      <charset val="128"/>
    </font>
    <font>
      <sz val="10"/>
      <name val="ＭＳ Ｐゴシック"/>
      <family val="3"/>
      <charset val="128"/>
    </font>
    <font>
      <sz val="9"/>
      <name val="ＭＳ ゴシック"/>
      <family val="3"/>
      <charset val="128"/>
    </font>
    <font>
      <sz val="10"/>
      <name val="Times New Roman"/>
      <family val="1"/>
    </font>
    <font>
      <sz val="10.6"/>
      <name val="Times New Roman"/>
      <family val="1"/>
    </font>
    <font>
      <sz val="10.6"/>
      <name val="ＭＳ ゴシック"/>
      <family val="3"/>
      <charset val="128"/>
    </font>
    <font>
      <sz val="10"/>
      <name val="ＭＳ ゴシック"/>
      <family val="3"/>
      <charset val="128"/>
    </font>
    <font>
      <sz val="10"/>
      <color rgb="FF000000"/>
      <name val="ＭＳ ゴシック"/>
      <family val="3"/>
      <charset val="128"/>
    </font>
    <font>
      <sz val="10.5"/>
      <color theme="1"/>
      <name val="ＭＳ Ｐゴシック"/>
      <family val="3"/>
      <charset val="128"/>
    </font>
    <font>
      <sz val="9"/>
      <color theme="1"/>
      <name val="游ゴシック"/>
      <family val="2"/>
      <charset val="128"/>
      <scheme val="minor"/>
    </font>
    <font>
      <sz val="6"/>
      <name val="游ゴシック"/>
      <family val="3"/>
      <charset val="128"/>
      <scheme val="minor"/>
    </font>
    <font>
      <sz val="8"/>
      <color theme="1"/>
      <name val="游ゴシック"/>
      <family val="3"/>
      <charset val="128"/>
      <scheme val="minor"/>
    </font>
    <font>
      <sz val="10"/>
      <name val="游ゴシック Light"/>
      <family val="3"/>
      <charset val="128"/>
      <scheme val="major"/>
    </font>
    <font>
      <sz val="10.5"/>
      <color rgb="FF000000"/>
      <name val="游ゴシック"/>
      <family val="3"/>
      <charset val="128"/>
      <scheme val="minor"/>
    </font>
    <font>
      <b/>
      <sz val="10.5"/>
      <name val="游ゴシック"/>
      <family val="3"/>
      <charset val="128"/>
      <scheme val="minor"/>
    </font>
    <font>
      <sz val="8"/>
      <color theme="1"/>
      <name val="ＭＳ ゴシック"/>
      <family val="3"/>
      <charset val="128"/>
    </font>
    <font>
      <sz val="8"/>
      <color theme="1"/>
      <name val="ＭＳ ゴシック"/>
      <family val="2"/>
      <charset val="128"/>
    </font>
    <font>
      <sz val="6"/>
      <name val="ＭＳ ゴシック"/>
      <family val="3"/>
      <charset val="128"/>
    </font>
    <font>
      <sz val="10.5"/>
      <color theme="1"/>
      <name val="游ゴシック Light"/>
      <family val="3"/>
      <charset val="128"/>
      <scheme val="major"/>
    </font>
    <font>
      <b/>
      <sz val="11"/>
      <color theme="1"/>
      <name val="ＭＳ ゴシック"/>
      <family val="3"/>
      <charset val="128"/>
    </font>
    <font>
      <sz val="10.6"/>
      <color theme="1"/>
      <name val="游ゴシック"/>
      <family val="3"/>
      <charset val="128"/>
      <scheme val="minor"/>
    </font>
    <font>
      <b/>
      <sz val="11"/>
      <name val="ＭＳ ゴシック"/>
      <family val="3"/>
      <charset val="128"/>
    </font>
    <font>
      <sz val="10.5"/>
      <name val="游ゴシック Light"/>
      <family val="3"/>
      <charset val="128"/>
      <scheme val="major"/>
    </font>
    <font>
      <sz val="10.6"/>
      <color rgb="FF000000"/>
      <name val="ＭＳ ゴシック"/>
      <family val="3"/>
      <charset val="128"/>
    </font>
    <font>
      <sz val="10.6"/>
      <name val="游ゴシック"/>
      <family val="3"/>
      <charset val="128"/>
      <scheme val="minor"/>
    </font>
    <font>
      <sz val="10.5"/>
      <color rgb="FF000000"/>
      <name val="ＭＳ ゴシック"/>
      <family val="3"/>
      <charset val="128"/>
    </font>
    <font>
      <sz val="9"/>
      <color theme="1"/>
      <name val="ＭＳ ゴシック"/>
      <family val="2"/>
      <charset val="128"/>
    </font>
    <font>
      <sz val="8"/>
      <name val="ＭＳ ゴシック"/>
      <family val="3"/>
      <charset val="128"/>
    </font>
    <font>
      <sz val="7"/>
      <name val="游ゴシック"/>
      <family val="3"/>
      <charset val="128"/>
      <scheme val="minor"/>
    </font>
    <font>
      <sz val="6"/>
      <color theme="1"/>
      <name val="ＭＳ Ｐゴシック"/>
      <family val="3"/>
      <charset val="128"/>
    </font>
    <font>
      <sz val="11"/>
      <name val="游ゴシック Light"/>
      <family val="3"/>
      <charset val="128"/>
      <scheme val="major"/>
    </font>
    <font>
      <sz val="9"/>
      <color theme="1"/>
      <name val="ＭＳ Ｐゴシック"/>
      <family val="3"/>
      <charset val="128"/>
    </font>
    <font>
      <sz val="8"/>
      <color theme="1"/>
      <name val="ＭＳ Ｐゴシック (本文)"/>
      <family val="3"/>
      <charset val="128"/>
    </font>
    <font>
      <sz val="9"/>
      <color theme="1"/>
      <name val="ＭＳ Ｐゴシック (本文)"/>
      <family val="3"/>
      <charset val="128"/>
    </font>
    <font>
      <b/>
      <sz val="12"/>
      <name val="ＭＳ Ｐゴシック"/>
      <family val="3"/>
      <charset val="128"/>
    </font>
    <font>
      <sz val="12"/>
      <name val="ＭＳ Ｐゴシック"/>
      <family val="3"/>
      <charset val="128"/>
    </font>
    <font>
      <sz val="10"/>
      <color rgb="FFFF0000"/>
      <name val="游ゴシック"/>
      <family val="3"/>
      <charset val="128"/>
      <scheme val="minor"/>
    </font>
    <font>
      <strike/>
      <sz val="10"/>
      <name val="游ゴシック"/>
      <family val="3"/>
      <charset val="128"/>
      <scheme val="minor"/>
    </font>
  </fonts>
  <fills count="7">
    <fill>
      <patternFill patternType="none"/>
    </fill>
    <fill>
      <patternFill patternType="gray125"/>
    </fill>
    <fill>
      <patternFill patternType="solid">
        <fgColor theme="0"/>
        <bgColor indexed="64"/>
      </patternFill>
    </fill>
    <fill>
      <patternFill patternType="solid">
        <fgColor rgb="FFFFFF00"/>
        <bgColor rgb="FF000000"/>
      </patternFill>
    </fill>
    <fill>
      <patternFill patternType="solid">
        <fgColor rgb="FFFFFFFF"/>
        <bgColor rgb="FF000000"/>
      </patternFill>
    </fill>
    <fill>
      <patternFill patternType="solid">
        <fgColor theme="0" tint="-0.14999847407452621"/>
        <bgColor indexed="64"/>
      </patternFill>
    </fill>
    <fill>
      <patternFill patternType="solid">
        <fgColor rgb="FFFFFF00"/>
        <bgColor indexed="64"/>
      </patternFill>
    </fill>
  </fills>
  <borders count="181">
    <border>
      <left/>
      <right/>
      <top/>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right/>
      <top/>
      <bottom style="thin">
        <color rgb="FF000000"/>
      </bottom>
      <diagonal/>
    </border>
    <border>
      <left/>
      <right style="medium">
        <color indexed="64"/>
      </right>
      <top/>
      <bottom style="thin">
        <color rgb="FF000000"/>
      </bottom>
      <diagonal/>
    </border>
    <border>
      <left style="thin">
        <color indexed="64"/>
      </left>
      <right style="thin">
        <color indexed="64"/>
      </right>
      <top style="thin">
        <color indexed="64"/>
      </top>
      <bottom/>
      <diagonal/>
    </border>
    <border>
      <left style="thin">
        <color indexed="64"/>
      </left>
      <right/>
      <top style="thin">
        <color rgb="FF000000"/>
      </top>
      <bottom/>
      <diagonal/>
    </border>
    <border>
      <left/>
      <right/>
      <top style="thin">
        <color rgb="FF000000"/>
      </top>
      <bottom/>
      <diagonal/>
    </border>
    <border>
      <left/>
      <right style="medium">
        <color indexed="64"/>
      </right>
      <top style="thin">
        <color rgb="FF000000"/>
      </top>
      <bottom/>
      <diagonal/>
    </border>
    <border>
      <left style="thin">
        <color indexed="64"/>
      </left>
      <right style="thin">
        <color indexed="64"/>
      </right>
      <top/>
      <bottom/>
      <diagonal/>
    </border>
    <border>
      <left style="thin">
        <color indexed="64"/>
      </left>
      <right/>
      <top/>
      <bottom/>
      <diagonal/>
    </border>
    <border>
      <left/>
      <right style="medium">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top style="thin">
        <color indexed="64"/>
      </top>
      <bottom style="thin">
        <color rgb="FF000000"/>
      </bottom>
      <diagonal/>
    </border>
    <border>
      <left/>
      <right/>
      <top style="thin">
        <color indexed="64"/>
      </top>
      <bottom style="thin">
        <color rgb="FF000000"/>
      </bottom>
      <diagonal/>
    </border>
    <border>
      <left/>
      <right/>
      <top style="thin">
        <color indexed="64"/>
      </top>
      <bottom/>
      <diagonal/>
    </border>
    <border>
      <left/>
      <right style="medium">
        <color indexed="64"/>
      </right>
      <top style="thin">
        <color indexed="64"/>
      </top>
      <bottom style="thin">
        <color rgb="FF000000"/>
      </bottom>
      <diagonal/>
    </border>
    <border>
      <left style="medium">
        <color indexed="64"/>
      </left>
      <right style="thin">
        <color rgb="FF000000"/>
      </right>
      <top style="thin">
        <color indexed="64"/>
      </top>
      <bottom/>
      <diagonal/>
    </border>
    <border>
      <left style="thin">
        <color rgb="FF000000"/>
      </left>
      <right style="thin">
        <color rgb="FF000000"/>
      </right>
      <top style="thin">
        <color rgb="FF000000"/>
      </top>
      <bottom style="thin">
        <color rgb="FF000000"/>
      </bottom>
      <diagonal/>
    </border>
    <border>
      <left style="thin">
        <color rgb="FF000000"/>
      </left>
      <right/>
      <top/>
      <bottom style="thin">
        <color indexed="64"/>
      </bottom>
      <diagonal/>
    </border>
    <border>
      <left/>
      <right style="thin">
        <color indexed="64"/>
      </right>
      <top/>
      <bottom style="thin">
        <color indexed="64"/>
      </bottom>
      <diagonal/>
    </border>
    <border>
      <left style="medium">
        <color indexed="64"/>
      </left>
      <right style="thin">
        <color rgb="FF000000"/>
      </right>
      <top/>
      <bottom/>
      <diagonal/>
    </border>
    <border>
      <left style="thin">
        <color rgb="FF000000"/>
      </left>
      <right/>
      <top style="thin">
        <color rgb="FF000000"/>
      </top>
      <bottom style="thin">
        <color rgb="FF000000"/>
      </bottom>
      <diagonal/>
    </border>
    <border>
      <left style="thin">
        <color rgb="FF000000"/>
      </left>
      <right/>
      <top style="thin">
        <color indexed="64"/>
      </top>
      <bottom style="thin">
        <color rgb="FF000000"/>
      </bottom>
      <diagonal/>
    </border>
    <border>
      <left/>
      <right style="thin">
        <color indexed="64"/>
      </right>
      <top style="thin">
        <color indexed="64"/>
      </top>
      <bottom style="thin">
        <color rgb="FF000000"/>
      </bottom>
      <diagonal/>
    </border>
    <border>
      <left style="medium">
        <color indexed="64"/>
      </left>
      <right/>
      <top style="thin">
        <color rgb="FF000000"/>
      </top>
      <bottom style="thin">
        <color rgb="FF000000"/>
      </bottom>
      <diagonal/>
    </border>
    <border>
      <left/>
      <right/>
      <top style="thin">
        <color rgb="FF000000"/>
      </top>
      <bottom style="thin">
        <color rgb="FF000000"/>
      </bottom>
      <diagonal/>
    </border>
    <border>
      <left/>
      <right style="medium">
        <color rgb="FF000000"/>
      </right>
      <top/>
      <bottom style="thin">
        <color indexed="64"/>
      </bottom>
      <diagonal/>
    </border>
    <border>
      <left style="medium">
        <color rgb="FF000000"/>
      </left>
      <right/>
      <top/>
      <bottom/>
      <diagonal/>
    </border>
    <border>
      <left style="thin">
        <color rgb="FF000000"/>
      </left>
      <right/>
      <top style="thin">
        <color rgb="FF000000"/>
      </top>
      <bottom/>
      <diagonal/>
    </border>
    <border>
      <left/>
      <right style="thin">
        <color indexed="64"/>
      </right>
      <top style="thin">
        <color rgb="FF000000"/>
      </top>
      <bottom/>
      <diagonal/>
    </border>
    <border>
      <left style="thin">
        <color rgb="FF000000"/>
      </left>
      <right/>
      <top/>
      <bottom/>
      <diagonal/>
    </border>
    <border>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top/>
      <bottom style="thin">
        <color rgb="FF000000"/>
      </bottom>
      <diagonal/>
    </border>
    <border>
      <left style="medium">
        <color indexed="64"/>
      </left>
      <right/>
      <top style="thin">
        <color rgb="FF000000"/>
      </top>
      <bottom/>
      <diagonal/>
    </border>
    <border>
      <left/>
      <right style="thin">
        <color rgb="FF000000"/>
      </right>
      <top style="thin">
        <color rgb="FF000000"/>
      </top>
      <bottom/>
      <diagonal/>
    </border>
    <border>
      <left style="medium">
        <color indexed="64"/>
      </left>
      <right/>
      <top/>
      <bottom/>
      <diagonal/>
    </border>
    <border>
      <left/>
      <right style="thin">
        <color rgb="FF000000"/>
      </right>
      <top/>
      <bottom/>
      <diagonal/>
    </border>
    <border>
      <left/>
      <right style="thin">
        <color rgb="FF000000"/>
      </right>
      <top style="thin">
        <color rgb="FF000000"/>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style="medium">
        <color indexed="64"/>
      </right>
      <top style="thin">
        <color rgb="FF000000"/>
      </top>
      <bottom style="thin">
        <color rgb="FF000000"/>
      </bottom>
      <diagonal/>
    </border>
    <border diagonalUp="1">
      <left style="thin">
        <color rgb="FF000000"/>
      </left>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diagonalUp="1">
      <left/>
      <right style="thin">
        <color rgb="FF000000"/>
      </right>
      <top style="thin">
        <color rgb="FF000000"/>
      </top>
      <bottom style="thin">
        <color rgb="FF000000"/>
      </bottom>
      <diagonal style="thin">
        <color rgb="FF000000"/>
      </diagonal>
    </border>
    <border diagonalUp="1">
      <left/>
      <right style="medium">
        <color indexed="64"/>
      </right>
      <top style="thin">
        <color rgb="FF000000"/>
      </top>
      <bottom style="thin">
        <color rgb="FF000000"/>
      </bottom>
      <diagonal style="thin">
        <color rgb="FF000000"/>
      </diagonal>
    </border>
    <border>
      <left style="medium">
        <color indexed="64"/>
      </left>
      <right/>
      <top style="thin">
        <color rgb="FF000000"/>
      </top>
      <bottom style="medium">
        <color indexed="64"/>
      </bottom>
      <diagonal/>
    </border>
    <border>
      <left/>
      <right/>
      <top style="thin">
        <color rgb="FF000000"/>
      </top>
      <bottom style="medium">
        <color indexed="64"/>
      </bottom>
      <diagonal/>
    </border>
    <border>
      <left/>
      <right style="thin">
        <color indexed="64"/>
      </right>
      <top style="thin">
        <color rgb="FF000000"/>
      </top>
      <bottom style="medium">
        <color indexed="64"/>
      </bottom>
      <diagonal/>
    </border>
    <border>
      <left/>
      <right style="medium">
        <color indexed="64"/>
      </right>
      <top style="thin">
        <color rgb="FF000000"/>
      </top>
      <bottom style="medium">
        <color indexed="64"/>
      </bottom>
      <diagonal/>
    </border>
    <border>
      <left/>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top style="medium">
        <color indexed="64"/>
      </top>
      <bottom style="thin">
        <color rgb="FF000000"/>
      </bottom>
      <diagonal/>
    </border>
    <border>
      <left/>
      <right style="medium">
        <color indexed="64"/>
      </right>
      <top style="medium">
        <color indexed="64"/>
      </top>
      <bottom style="thin">
        <color rgb="FF000000"/>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medium">
        <color indexed="64"/>
      </right>
      <top style="thin">
        <color rgb="FF000000"/>
      </top>
      <bottom style="thin">
        <color rgb="FF000000"/>
      </bottom>
      <diagonal/>
    </border>
    <border>
      <left style="thin">
        <color indexed="64"/>
      </left>
      <right/>
      <top/>
      <bottom style="thin">
        <color rgb="FF000000"/>
      </bottom>
      <diagonal/>
    </border>
    <border>
      <left style="thin">
        <color rgb="FF000000"/>
      </left>
      <right/>
      <top style="thin">
        <color rgb="FF000000"/>
      </top>
      <bottom style="thin">
        <color indexed="64"/>
      </bottom>
      <diagonal/>
    </border>
    <border>
      <left/>
      <right style="thin">
        <color rgb="FF000000"/>
      </right>
      <top style="thin">
        <color rgb="FF000000"/>
      </top>
      <bottom style="thin">
        <color indexed="64"/>
      </bottom>
      <diagonal/>
    </border>
    <border>
      <left/>
      <right style="thin">
        <color rgb="FF000000"/>
      </right>
      <top style="thin">
        <color indexed="64"/>
      </top>
      <bottom style="thin">
        <color rgb="FF000000"/>
      </bottom>
      <diagonal/>
    </border>
    <border>
      <left/>
      <right style="thin">
        <color indexed="64"/>
      </right>
      <top style="thin">
        <color rgb="FF000000"/>
      </top>
      <bottom style="thin">
        <color rgb="FF000000"/>
      </bottom>
      <diagonal/>
    </border>
    <border>
      <left style="thin">
        <color indexed="64"/>
      </left>
      <right/>
      <top style="thin">
        <color rgb="FF000000"/>
      </top>
      <bottom style="thin">
        <color rgb="FF000000"/>
      </bottom>
      <diagonal/>
    </border>
    <border>
      <left/>
      <right style="thin">
        <color indexed="64"/>
      </right>
      <top/>
      <bottom style="thin">
        <color rgb="FF000000"/>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diagonal/>
    </border>
    <border>
      <left style="medium">
        <color indexed="64"/>
      </left>
      <right/>
      <top style="thin">
        <color indexed="64"/>
      </top>
      <bottom style="thin">
        <color indexed="64"/>
      </bottom>
      <diagonal/>
    </border>
    <border>
      <left/>
      <right style="medium">
        <color indexed="64"/>
      </right>
      <top style="thin">
        <color indexed="64"/>
      </top>
      <bottom/>
      <diagonal/>
    </border>
    <border>
      <left/>
      <right style="thin">
        <color rgb="FF000000"/>
      </right>
      <top style="medium">
        <color indexed="64"/>
      </top>
      <bottom style="thin">
        <color rgb="FF000000"/>
      </bottom>
      <diagonal/>
    </border>
    <border>
      <left style="thin">
        <color rgb="FF000000"/>
      </left>
      <right/>
      <top style="medium">
        <color indexed="64"/>
      </top>
      <bottom style="thin">
        <color rgb="FF000000"/>
      </bottom>
      <diagonal/>
    </border>
    <border>
      <left style="medium">
        <color indexed="64"/>
      </left>
      <right style="thin">
        <color indexed="64"/>
      </right>
      <top/>
      <bottom style="medium">
        <color indexed="64"/>
      </bottom>
      <diagonal/>
    </border>
    <border>
      <left style="thin">
        <color rgb="FF000000"/>
      </left>
      <right/>
      <top style="thin">
        <color indexed="64"/>
      </top>
      <bottom style="medium">
        <color rgb="FF000000"/>
      </bottom>
      <diagonal/>
    </border>
    <border>
      <left/>
      <right style="thin">
        <color rgb="FF000000"/>
      </right>
      <top style="thin">
        <color indexed="64"/>
      </top>
      <bottom style="medium">
        <color rgb="FF000000"/>
      </bottom>
      <diagonal/>
    </border>
    <border>
      <left style="thin">
        <color rgb="FF000000"/>
      </left>
      <right/>
      <top style="thin">
        <color rgb="FF000000"/>
      </top>
      <bottom style="medium">
        <color rgb="FF000000"/>
      </bottom>
      <diagonal/>
    </border>
    <border>
      <left/>
      <right/>
      <top style="thin">
        <color rgb="FF000000"/>
      </top>
      <bottom style="medium">
        <color rgb="FF000000"/>
      </bottom>
      <diagonal/>
    </border>
    <border>
      <left/>
      <right style="medium">
        <color indexed="64"/>
      </right>
      <top style="thin">
        <color rgb="FF000000"/>
      </top>
      <bottom style="medium">
        <color rgb="FF000000"/>
      </bottom>
      <diagonal/>
    </border>
    <border>
      <left style="medium">
        <color rgb="FF000000"/>
      </left>
      <right/>
      <top style="medium">
        <color rgb="FF000000"/>
      </top>
      <bottom/>
      <diagonal/>
    </border>
    <border>
      <left style="thin">
        <color indexed="64"/>
      </left>
      <right/>
      <top style="medium">
        <color rgb="FF000000"/>
      </top>
      <bottom style="thin">
        <color indexed="64"/>
      </bottom>
      <diagonal/>
    </border>
    <border>
      <left/>
      <right/>
      <top style="medium">
        <color rgb="FF000000"/>
      </top>
      <bottom style="thin">
        <color indexed="64"/>
      </bottom>
      <diagonal/>
    </border>
    <border>
      <left/>
      <right style="medium">
        <color rgb="FF000000"/>
      </right>
      <top style="medium">
        <color rgb="FF000000"/>
      </top>
      <bottom style="thin">
        <color indexed="64"/>
      </bottom>
      <diagonal/>
    </border>
    <border>
      <left/>
      <right style="medium">
        <color rgb="FF000000"/>
      </right>
      <top/>
      <bottom style="thin">
        <color rgb="FF000000"/>
      </bottom>
      <diagonal/>
    </border>
    <border>
      <left/>
      <right style="medium">
        <color rgb="FF000000"/>
      </right>
      <top style="thin">
        <color rgb="FF000000"/>
      </top>
      <bottom style="thin">
        <color rgb="FF000000"/>
      </bottom>
      <diagonal/>
    </border>
    <border>
      <left/>
      <right style="medium">
        <color rgb="FF000000"/>
      </right>
      <top style="thin">
        <color rgb="FF000000"/>
      </top>
      <bottom/>
      <diagonal/>
    </border>
    <border>
      <left/>
      <right style="medium">
        <color rgb="FF000000"/>
      </right>
      <top/>
      <bottom/>
      <diagonal/>
    </border>
    <border>
      <left style="medium">
        <color rgb="FF000000"/>
      </left>
      <right/>
      <top/>
      <bottom style="thin">
        <color rgb="FF000000"/>
      </bottom>
      <diagonal/>
    </border>
    <border>
      <left style="medium">
        <color indexed="64"/>
      </left>
      <right style="thin">
        <color rgb="FF000000"/>
      </right>
      <top style="thin">
        <color rgb="FF000000"/>
      </top>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right style="medium">
        <color indexed="64"/>
      </right>
      <top style="thin">
        <color rgb="FF000000"/>
      </top>
      <bottom style="thin">
        <color indexed="64"/>
      </bottom>
      <diagonal/>
    </border>
    <border>
      <left style="medium">
        <color indexed="64"/>
      </left>
      <right/>
      <top style="thin">
        <color indexed="64"/>
      </top>
      <bottom style="medium">
        <color indexed="64"/>
      </bottom>
      <diagonal/>
    </border>
    <border>
      <left style="thin">
        <color indexed="64"/>
      </left>
      <right style="thin">
        <color rgb="FF000000"/>
      </right>
      <top/>
      <bottom/>
      <diagonal/>
    </border>
    <border>
      <left style="thin">
        <color indexed="64"/>
      </left>
      <right style="thin">
        <color rgb="FF000000"/>
      </right>
      <top/>
      <bottom style="thin">
        <color rgb="FF000000"/>
      </bottom>
      <diagonal/>
    </border>
    <border>
      <left/>
      <right style="thin">
        <color indexed="64"/>
      </right>
      <top style="thin">
        <color rgb="FF000000"/>
      </top>
      <bottom style="thin">
        <color indexed="64"/>
      </bottom>
      <diagonal/>
    </border>
    <border>
      <left style="thin">
        <color rgb="FF000000"/>
      </left>
      <right/>
      <top style="thin">
        <color indexed="64"/>
      </top>
      <bottom style="thin">
        <color indexed="64"/>
      </bottom>
      <diagonal/>
    </border>
    <border>
      <left/>
      <right style="thin">
        <color rgb="FF000000"/>
      </right>
      <top/>
      <bottom style="thin">
        <color indexed="64"/>
      </bottom>
      <diagonal/>
    </border>
    <border>
      <left/>
      <right style="thin">
        <color rgb="FF000000"/>
      </right>
      <top style="thin">
        <color indexed="64"/>
      </top>
      <bottom style="thin">
        <color indexed="64"/>
      </bottom>
      <diagonal/>
    </border>
    <border>
      <left style="thin">
        <color indexed="64"/>
      </left>
      <right/>
      <top style="medium">
        <color indexed="64"/>
      </top>
      <bottom style="thin">
        <color rgb="FF000000"/>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rgb="FF000000"/>
      </right>
      <top style="medium">
        <color indexed="64"/>
      </top>
      <bottom/>
      <diagonal/>
    </border>
    <border>
      <left style="medium">
        <color indexed="64"/>
      </left>
      <right style="thin">
        <color rgb="FF000000"/>
      </right>
      <top/>
      <bottom style="thin">
        <color indexed="64"/>
      </bottom>
      <diagonal/>
    </border>
    <border>
      <left style="thin">
        <color indexed="64"/>
      </left>
      <right/>
      <top style="thin">
        <color rgb="FF000000"/>
      </top>
      <bottom style="medium">
        <color indexed="64"/>
      </bottom>
      <diagonal/>
    </border>
    <border>
      <left style="thin">
        <color indexed="64"/>
      </left>
      <right/>
      <top style="medium">
        <color indexed="64"/>
      </top>
      <bottom/>
      <diagonal/>
    </border>
    <border>
      <left/>
      <right style="medium">
        <color indexed="64"/>
      </right>
      <top style="medium">
        <color indexed="64"/>
      </top>
      <bottom/>
      <diagonal/>
    </border>
    <border>
      <left style="thin">
        <color rgb="FF000000"/>
      </left>
      <right/>
      <top style="thin">
        <color indexed="64"/>
      </top>
      <bottom/>
      <diagonal/>
    </border>
    <border>
      <left/>
      <right style="thin">
        <color rgb="FF000000"/>
      </right>
      <top style="thin">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thin">
        <color rgb="FF000000"/>
      </left>
      <right/>
      <top style="medium">
        <color indexed="64"/>
      </top>
      <bottom style="medium">
        <color indexed="64"/>
      </bottom>
      <diagonal/>
    </border>
    <border>
      <left style="medium">
        <color indexed="64"/>
      </left>
      <right style="medium">
        <color indexed="64"/>
      </right>
      <top/>
      <bottom style="medium">
        <color indexed="64"/>
      </bottom>
      <diagonal/>
    </border>
    <border diagonalUp="1">
      <left/>
      <right/>
      <top style="thin">
        <color rgb="FF000000"/>
      </top>
      <bottom/>
      <diagonal style="thin">
        <color rgb="FF000000"/>
      </diagonal>
    </border>
    <border diagonalUp="1">
      <left/>
      <right style="thin">
        <color rgb="FF000000"/>
      </right>
      <top style="thin">
        <color rgb="FF000000"/>
      </top>
      <bottom/>
      <diagonal style="thin">
        <color rgb="FF000000"/>
      </diagonal>
    </border>
    <border diagonalUp="1">
      <left style="thin">
        <color rgb="FF000000"/>
      </left>
      <right/>
      <top style="thin">
        <color rgb="FF000000"/>
      </top>
      <bottom/>
      <diagonal style="thin">
        <color rgb="FF000000"/>
      </diagonal>
    </border>
    <border diagonalUp="1">
      <left/>
      <right style="thin">
        <color indexed="64"/>
      </right>
      <top style="thin">
        <color rgb="FF000000"/>
      </top>
      <bottom/>
      <diagonal style="thin">
        <color rgb="FF000000"/>
      </diagonal>
    </border>
    <border>
      <left style="thin">
        <color rgb="FF000000"/>
      </left>
      <right/>
      <top/>
      <bottom style="medium">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diagonalUp="1">
      <left/>
      <right/>
      <top/>
      <bottom style="thin">
        <color indexed="64"/>
      </bottom>
      <diagonal style="thin">
        <color indexed="64"/>
      </diagonal>
    </border>
    <border diagonalUp="1">
      <left/>
      <right style="medium">
        <color indexed="64"/>
      </right>
      <top/>
      <bottom style="thin">
        <color indexed="64"/>
      </bottom>
      <diagonal style="thin">
        <color indexed="64"/>
      </diagonal>
    </border>
    <border>
      <left/>
      <right style="thin">
        <color rgb="FF000000"/>
      </right>
      <top style="thin">
        <color rgb="FF000000"/>
      </top>
      <bottom style="medium">
        <color indexed="64"/>
      </bottom>
      <diagonal/>
    </border>
    <border>
      <left style="thin">
        <color rgb="FF000000"/>
      </left>
      <right/>
      <top style="thin">
        <color rgb="FF000000"/>
      </top>
      <bottom style="medium">
        <color indexed="64"/>
      </bottom>
      <diagonal/>
    </border>
    <border>
      <left style="thin">
        <color rgb="FF000000"/>
      </left>
      <right/>
      <top style="medium">
        <color indexed="64"/>
      </top>
      <bottom/>
      <diagonal/>
    </border>
    <border>
      <left style="thin">
        <color rgb="FF000000"/>
      </left>
      <right style="thin">
        <color indexed="64"/>
      </right>
      <top style="thin">
        <color indexed="64"/>
      </top>
      <bottom/>
      <diagonal/>
    </border>
    <border>
      <left/>
      <right/>
      <top/>
      <bottom style="hair">
        <color indexed="64"/>
      </bottom>
      <diagonal/>
    </border>
    <border>
      <left/>
      <right style="medium">
        <color indexed="64"/>
      </right>
      <top/>
      <bottom style="hair">
        <color indexed="64"/>
      </bottom>
      <diagonal/>
    </border>
    <border>
      <left style="thin">
        <color rgb="FF000000"/>
      </left>
      <right style="thin">
        <color indexed="64"/>
      </right>
      <top/>
      <bottom style="thin">
        <color indexed="64"/>
      </bottom>
      <diagonal/>
    </border>
    <border>
      <left style="thin">
        <color indexed="64"/>
      </left>
      <right style="medium">
        <color indexed="64"/>
      </right>
      <top/>
      <bottom style="thin">
        <color indexed="64"/>
      </bottom>
      <diagonal/>
    </border>
    <border diagonalUp="1">
      <left/>
      <right/>
      <top/>
      <bottom style="thin">
        <color rgb="FF000000"/>
      </bottom>
      <diagonal style="thin">
        <color rgb="FF000000"/>
      </diagonal>
    </border>
    <border diagonalUp="1">
      <left style="thin">
        <color indexed="64"/>
      </left>
      <right/>
      <top style="thin">
        <color indexed="64"/>
      </top>
      <bottom style="thin">
        <color rgb="FF000000"/>
      </bottom>
      <diagonal style="thin">
        <color rgb="FF000000"/>
      </diagonal>
    </border>
    <border diagonalUp="1">
      <left/>
      <right style="medium">
        <color indexed="64"/>
      </right>
      <top style="thin">
        <color indexed="64"/>
      </top>
      <bottom style="thin">
        <color rgb="FF000000"/>
      </bottom>
      <diagonal style="thin">
        <color rgb="FF000000"/>
      </diagonal>
    </border>
    <border>
      <left style="medium">
        <color indexed="64"/>
      </left>
      <right/>
      <top style="thin">
        <color indexed="64"/>
      </top>
      <bottom style="thin">
        <color rgb="FF000000"/>
      </bottom>
      <diagonal/>
    </border>
    <border>
      <left style="thin">
        <color indexed="64"/>
      </left>
      <right style="thin">
        <color indexed="64"/>
      </right>
      <top style="thin">
        <color indexed="64"/>
      </top>
      <bottom style="thin">
        <color rgb="FF000000"/>
      </bottom>
      <diagonal/>
    </border>
    <border>
      <left style="medium">
        <color indexed="64"/>
      </left>
      <right style="thin">
        <color indexed="64"/>
      </right>
      <top/>
      <bottom style="thin">
        <color rgb="FF000000"/>
      </bottom>
      <diagonal/>
    </border>
    <border>
      <left style="medium">
        <color indexed="64"/>
      </left>
      <right style="thin">
        <color indexed="64"/>
      </right>
      <top style="thin">
        <color rgb="FF000000"/>
      </top>
      <bottom/>
      <diagonal/>
    </border>
    <border>
      <left style="thin">
        <color indexed="64"/>
      </left>
      <right style="medium">
        <color indexed="64"/>
      </right>
      <top style="thin">
        <color indexed="64"/>
      </top>
      <bottom/>
      <diagonal/>
    </border>
    <border diagonalUp="1">
      <left style="thin">
        <color indexed="64"/>
      </left>
      <right style="thin">
        <color indexed="64"/>
      </right>
      <top style="thin">
        <color indexed="64"/>
      </top>
      <bottom style="thin">
        <color indexed="64"/>
      </bottom>
      <diagonal style="thin">
        <color rgb="FF000000"/>
      </diagonal>
    </border>
    <border diagonalUp="1">
      <left style="thin">
        <color indexed="64"/>
      </left>
      <right/>
      <top style="thin">
        <color indexed="64"/>
      </top>
      <bottom style="thin">
        <color indexed="64"/>
      </bottom>
      <diagonal style="thin">
        <color rgb="FF000000"/>
      </diagonal>
    </border>
    <border diagonalUp="1">
      <left style="thin">
        <color indexed="64"/>
      </left>
      <right style="thin">
        <color indexed="64"/>
      </right>
      <top style="thin">
        <color indexed="64"/>
      </top>
      <bottom style="thin">
        <color indexed="64"/>
      </bottom>
      <diagonal style="thin">
        <color indexed="64"/>
      </diagonal>
    </border>
    <border>
      <left style="thin">
        <color rgb="FF000000"/>
      </left>
      <right style="thin">
        <color rgb="FF000000"/>
      </right>
      <top/>
      <bottom style="thin">
        <color rgb="FF000000"/>
      </bottom>
      <diagonal/>
    </border>
    <border>
      <left style="medium">
        <color indexed="64"/>
      </left>
      <right style="thin">
        <color indexed="64"/>
      </right>
      <top style="thin">
        <color indexed="64"/>
      </top>
      <bottom/>
      <diagonal/>
    </border>
    <border>
      <left style="thin">
        <color rgb="FF000000"/>
      </left>
      <right style="thin">
        <color rgb="FF000000"/>
      </right>
      <top style="thin">
        <color rgb="FF000000"/>
      </top>
      <bottom/>
      <diagonal/>
    </border>
    <border>
      <left style="medium">
        <color indexed="64"/>
      </left>
      <right style="thin">
        <color rgb="FF000000"/>
      </right>
      <top/>
      <bottom style="thin">
        <color rgb="FF000000"/>
      </bottom>
      <diagonal/>
    </border>
  </borders>
  <cellStyleXfs count="4">
    <xf numFmtId="0" fontId="0" fillId="0" borderId="0">
      <alignment vertical="center"/>
    </xf>
    <xf numFmtId="0" fontId="1" fillId="0" borderId="0"/>
    <xf numFmtId="0" fontId="12" fillId="0" borderId="0"/>
    <xf numFmtId="0" fontId="12" fillId="0" borderId="0"/>
  </cellStyleXfs>
  <cellXfs count="1702">
    <xf numFmtId="0" fontId="0" fillId="0" borderId="0" xfId="0">
      <alignment vertical="center"/>
    </xf>
    <xf numFmtId="0" fontId="2" fillId="2" borderId="0" xfId="1" applyFont="1" applyFill="1" applyAlignment="1">
      <alignment horizontal="left" vertical="top"/>
    </xf>
    <xf numFmtId="0" fontId="5" fillId="2" borderId="0" xfId="1" applyFont="1" applyFill="1" applyAlignment="1">
      <alignment horizontal="left" vertical="top"/>
    </xf>
    <xf numFmtId="0" fontId="6" fillId="2" borderId="1" xfId="1" applyFont="1" applyFill="1" applyBorder="1" applyAlignment="1">
      <alignment horizontal="center" vertical="center" textRotation="255" wrapText="1"/>
    </xf>
    <xf numFmtId="0" fontId="6" fillId="2" borderId="2" xfId="1" applyFont="1" applyFill="1" applyBorder="1" applyAlignment="1">
      <alignment horizontal="center" vertical="center"/>
    </xf>
    <xf numFmtId="49" fontId="7" fillId="0" borderId="2" xfId="1" applyNumberFormat="1" applyFont="1" applyBorder="1" applyAlignment="1">
      <alignment horizontal="left" vertical="top"/>
    </xf>
    <xf numFmtId="49" fontId="7" fillId="0" borderId="3" xfId="1" applyNumberFormat="1" applyFont="1" applyBorder="1" applyAlignment="1">
      <alignment horizontal="left" vertical="top"/>
    </xf>
    <xf numFmtId="49" fontId="7" fillId="0" borderId="4" xfId="1" applyNumberFormat="1" applyFont="1" applyBorder="1" applyAlignment="1">
      <alignment horizontal="left" vertical="top"/>
    </xf>
    <xf numFmtId="0" fontId="6" fillId="2" borderId="5" xfId="1" applyFont="1" applyFill="1" applyBorder="1" applyAlignment="1">
      <alignment horizontal="center" vertical="center" textRotation="255" wrapText="1"/>
    </xf>
    <xf numFmtId="0" fontId="6" fillId="2" borderId="6" xfId="1" applyFont="1" applyFill="1" applyBorder="1" applyAlignment="1">
      <alignment horizontal="center" vertical="center" wrapText="1"/>
    </xf>
    <xf numFmtId="0" fontId="6" fillId="2" borderId="7"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10" xfId="1" applyFont="1" applyFill="1" applyBorder="1" applyAlignment="1">
      <alignment horizontal="center" vertical="center" wrapText="1"/>
    </xf>
    <xf numFmtId="0" fontId="7" fillId="2" borderId="11" xfId="1" applyFont="1" applyFill="1" applyBorder="1" applyAlignment="1">
      <alignment horizontal="left" vertical="center" wrapText="1"/>
    </xf>
    <xf numFmtId="0" fontId="7" fillId="2" borderId="12" xfId="1" applyFont="1" applyFill="1" applyBorder="1" applyAlignment="1">
      <alignment horizontal="left" vertical="center" wrapText="1"/>
    </xf>
    <xf numFmtId="0" fontId="6" fillId="2" borderId="13" xfId="1" applyFont="1" applyFill="1" applyBorder="1" applyAlignment="1">
      <alignment horizontal="center" vertical="center" wrapText="1"/>
    </xf>
    <xf numFmtId="0" fontId="8" fillId="2" borderId="14" xfId="1" applyFont="1" applyFill="1" applyBorder="1" applyAlignment="1">
      <alignment horizontal="center" vertical="center" shrinkToFit="1"/>
    </xf>
    <xf numFmtId="49" fontId="6" fillId="2" borderId="15" xfId="1" applyNumberFormat="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5" xfId="1" applyFont="1" applyFill="1" applyBorder="1" applyAlignment="1">
      <alignment horizontal="left" vertical="center" wrapText="1"/>
    </xf>
    <xf numFmtId="0" fontId="6" fillId="2" borderId="15"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left" vertical="center" shrinkToFit="1"/>
    </xf>
    <xf numFmtId="0" fontId="6" fillId="2" borderId="0" xfId="1" applyFont="1" applyFill="1" applyAlignment="1">
      <alignment horizontal="left" vertical="center" shrinkToFit="1"/>
    </xf>
    <xf numFmtId="0" fontId="6" fillId="2" borderId="0" xfId="1" applyFont="1" applyFill="1" applyAlignment="1">
      <alignment horizontal="center" vertical="center" wrapText="1"/>
    </xf>
    <xf numFmtId="0" fontId="6" fillId="2" borderId="0" xfId="1" applyFont="1" applyFill="1" applyAlignment="1">
      <alignment horizontal="left" vertical="center" wrapText="1"/>
    </xf>
    <xf numFmtId="0" fontId="6" fillId="2" borderId="19" xfId="1" applyFont="1" applyFill="1" applyBorder="1" applyAlignment="1">
      <alignment horizontal="left" vertical="center" wrapText="1"/>
    </xf>
    <xf numFmtId="0" fontId="6" fillId="2" borderId="6"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21" xfId="1" applyFont="1" applyFill="1" applyBorder="1" applyAlignment="1">
      <alignment horizontal="center" vertical="center" wrapText="1"/>
    </xf>
    <xf numFmtId="49" fontId="6" fillId="2" borderId="20" xfId="1" applyNumberFormat="1" applyFont="1" applyFill="1" applyBorder="1" applyAlignment="1">
      <alignment horizontal="left" vertical="center" wrapText="1"/>
    </xf>
    <xf numFmtId="49" fontId="6" fillId="2" borderId="22" xfId="1" applyNumberFormat="1" applyFont="1" applyFill="1" applyBorder="1" applyAlignment="1">
      <alignment horizontal="left" vertical="center" wrapText="1"/>
    </xf>
    <xf numFmtId="49" fontId="8" fillId="2" borderId="22" xfId="1" applyNumberFormat="1" applyFont="1" applyFill="1" applyBorder="1" applyAlignment="1">
      <alignment horizontal="right" vertical="center" wrapText="1"/>
    </xf>
    <xf numFmtId="49" fontId="6" fillId="2" borderId="21" xfId="1" applyNumberFormat="1" applyFont="1" applyFill="1" applyBorder="1" applyAlignment="1">
      <alignment horizontal="center" vertical="center" shrinkToFit="1"/>
    </xf>
    <xf numFmtId="0" fontId="6" fillId="2" borderId="10" xfId="1" applyFont="1" applyFill="1" applyBorder="1" applyAlignment="1">
      <alignment horizontal="center" vertical="center" shrinkToFit="1"/>
    </xf>
    <xf numFmtId="49" fontId="6" fillId="2" borderId="23" xfId="1" applyNumberFormat="1" applyFont="1" applyFill="1" applyBorder="1" applyAlignment="1">
      <alignment horizontal="left" vertical="center" wrapText="1"/>
    </xf>
    <xf numFmtId="0" fontId="6" fillId="2" borderId="24" xfId="1" applyFont="1" applyFill="1" applyBorder="1" applyAlignment="1">
      <alignment horizontal="center" vertical="center" textRotation="255" wrapText="1"/>
    </xf>
    <xf numFmtId="49" fontId="6" fillId="2" borderId="25" xfId="1" applyNumberFormat="1" applyFont="1" applyFill="1" applyBorder="1" applyAlignment="1">
      <alignment horizontal="left" vertical="center" wrapText="1"/>
    </xf>
    <xf numFmtId="49" fontId="6" fillId="2" borderId="26" xfId="1" applyNumberFormat="1" applyFont="1" applyFill="1" applyBorder="1" applyAlignment="1">
      <alignment horizontal="left" vertical="center" wrapText="1"/>
    </xf>
    <xf numFmtId="49" fontId="6" fillId="2" borderId="27" xfId="1" applyNumberFormat="1" applyFont="1" applyFill="1" applyBorder="1" applyAlignment="1">
      <alignment horizontal="left" vertical="center" wrapText="1"/>
    </xf>
    <xf numFmtId="49" fontId="6" fillId="2" borderId="28" xfId="1" applyNumberFormat="1" applyFont="1" applyFill="1" applyBorder="1" applyAlignment="1">
      <alignment horizontal="left" vertical="center" wrapText="1"/>
    </xf>
    <xf numFmtId="0" fontId="9" fillId="0" borderId="29" xfId="1" applyFont="1" applyFill="1" applyBorder="1" applyAlignment="1">
      <alignment horizontal="center" vertical="center" textRotation="255"/>
    </xf>
    <xf numFmtId="0" fontId="9" fillId="0" borderId="30" xfId="1" applyFont="1" applyFill="1" applyBorder="1" applyAlignment="1">
      <alignment horizontal="center" vertical="center" wrapText="1"/>
    </xf>
    <xf numFmtId="0" fontId="9" fillId="0" borderId="31" xfId="1" applyFont="1" applyFill="1" applyBorder="1" applyAlignment="1">
      <alignment horizontal="center" vertical="center" wrapText="1"/>
    </xf>
    <xf numFmtId="0" fontId="9" fillId="0" borderId="8" xfId="1" applyFont="1" applyFill="1" applyBorder="1" applyAlignment="1">
      <alignment horizontal="center" vertical="center" wrapText="1"/>
    </xf>
    <xf numFmtId="0" fontId="9" fillId="0" borderId="32" xfId="1" applyFont="1" applyFill="1" applyBorder="1" applyAlignment="1">
      <alignment horizontal="center" vertical="center" wrapText="1"/>
    </xf>
    <xf numFmtId="0" fontId="9" fillId="0" borderId="13" xfId="1" applyFont="1" applyFill="1" applyBorder="1" applyAlignment="1">
      <alignment horizontal="center" vertical="center" wrapText="1"/>
    </xf>
    <xf numFmtId="0" fontId="10" fillId="0" borderId="15" xfId="1" applyFont="1" applyFill="1" applyBorder="1" applyAlignment="1">
      <alignment vertical="center" shrinkToFit="1"/>
    </xf>
    <xf numFmtId="49" fontId="10" fillId="0" borderId="15" xfId="1" applyNumberFormat="1" applyFont="1" applyFill="1" applyBorder="1" applyAlignment="1">
      <alignment horizontal="center" vertical="center" wrapText="1"/>
    </xf>
    <xf numFmtId="0" fontId="10" fillId="0" borderId="15" xfId="1" applyFont="1" applyFill="1" applyBorder="1" applyAlignment="1">
      <alignment horizontal="center" vertical="center" wrapText="1"/>
    </xf>
    <xf numFmtId="0" fontId="10" fillId="0" borderId="15" xfId="1" applyFont="1" applyFill="1" applyBorder="1" applyAlignment="1">
      <alignment vertical="center" wrapText="1"/>
    </xf>
    <xf numFmtId="0" fontId="10" fillId="0" borderId="16" xfId="1" applyFont="1" applyFill="1" applyBorder="1" applyAlignment="1">
      <alignment vertical="center" wrapText="1"/>
    </xf>
    <xf numFmtId="0" fontId="11" fillId="0" borderId="33" xfId="1" applyFont="1" applyFill="1" applyBorder="1" applyAlignment="1">
      <alignment horizontal="center" vertical="center" textRotation="255"/>
    </xf>
    <xf numFmtId="0" fontId="9" fillId="0" borderId="34" xfId="1" applyFont="1" applyFill="1" applyBorder="1" applyAlignment="1">
      <alignment horizontal="center" vertical="center" wrapText="1"/>
    </xf>
    <xf numFmtId="0" fontId="9" fillId="0" borderId="20" xfId="1" applyFont="1" applyFill="1" applyBorder="1" applyAlignment="1">
      <alignment horizontal="center" vertical="center" wrapText="1"/>
    </xf>
    <xf numFmtId="0" fontId="9" fillId="0" borderId="22" xfId="1" applyFont="1" applyFill="1" applyBorder="1" applyAlignment="1">
      <alignment horizontal="center" vertical="center" wrapText="1"/>
    </xf>
    <xf numFmtId="0" fontId="9" fillId="0" borderId="21" xfId="1" applyFont="1" applyFill="1" applyBorder="1" applyAlignment="1">
      <alignment horizontal="center" vertical="center" wrapText="1"/>
    </xf>
    <xf numFmtId="0" fontId="9" fillId="0" borderId="17" xfId="1" applyFont="1" applyFill="1" applyBorder="1" applyAlignment="1">
      <alignment horizontal="center" vertical="center" wrapText="1"/>
    </xf>
    <xf numFmtId="0" fontId="5" fillId="2" borderId="18" xfId="1" applyFont="1" applyFill="1" applyBorder="1" applyAlignment="1">
      <alignment horizontal="center" vertical="top"/>
    </xf>
    <xf numFmtId="0" fontId="5" fillId="2" borderId="0" xfId="1" applyFont="1" applyFill="1" applyBorder="1" applyAlignment="1">
      <alignment horizontal="center" vertical="top"/>
    </xf>
    <xf numFmtId="0" fontId="5" fillId="2" borderId="19" xfId="1" applyFont="1" applyFill="1" applyBorder="1" applyAlignment="1">
      <alignment horizontal="center" vertical="top"/>
    </xf>
    <xf numFmtId="0" fontId="9" fillId="0" borderId="30" xfId="1" applyFont="1" applyFill="1" applyBorder="1" applyAlignment="1">
      <alignment horizontal="center" vertical="center" shrinkToFit="1"/>
    </xf>
    <xf numFmtId="176" fontId="9" fillId="0" borderId="35" xfId="1" applyNumberFormat="1" applyFont="1" applyFill="1" applyBorder="1" applyAlignment="1">
      <alignment horizontal="center" vertical="center" wrapText="1"/>
    </xf>
    <xf numFmtId="176" fontId="9" fillId="0" borderId="26" xfId="1" applyNumberFormat="1" applyFont="1" applyFill="1" applyBorder="1" applyAlignment="1">
      <alignment horizontal="center" vertical="center" wrapText="1"/>
    </xf>
    <xf numFmtId="176" fontId="9" fillId="0" borderId="36" xfId="1" applyNumberFormat="1" applyFont="1" applyFill="1" applyBorder="1" applyAlignment="1">
      <alignment horizontal="center" vertical="center" wrapText="1"/>
    </xf>
    <xf numFmtId="0" fontId="9" fillId="0" borderId="6" xfId="1" applyFont="1" applyFill="1" applyBorder="1" applyAlignment="1">
      <alignment horizontal="center" vertical="center" wrapText="1"/>
    </xf>
    <xf numFmtId="0" fontId="5" fillId="2" borderId="7" xfId="1" applyFont="1" applyFill="1" applyBorder="1" applyAlignment="1">
      <alignment horizontal="center" vertical="top"/>
    </xf>
    <xf numFmtId="0" fontId="5" fillId="2" borderId="8" xfId="1" applyFont="1" applyFill="1" applyBorder="1" applyAlignment="1">
      <alignment horizontal="center" vertical="top"/>
    </xf>
    <xf numFmtId="0" fontId="5" fillId="2" borderId="9" xfId="1" applyFont="1" applyFill="1" applyBorder="1" applyAlignment="1">
      <alignment horizontal="center" vertical="top"/>
    </xf>
    <xf numFmtId="0" fontId="13" fillId="0" borderId="37" xfId="2" applyFont="1" applyFill="1" applyBorder="1" applyAlignment="1">
      <alignment horizontal="center" vertical="center" wrapText="1"/>
    </xf>
    <xf numFmtId="0" fontId="13" fillId="0" borderId="38" xfId="2" applyFont="1" applyFill="1" applyBorder="1" applyAlignment="1">
      <alignment horizontal="center" vertical="center" wrapText="1"/>
    </xf>
    <xf numFmtId="0" fontId="13" fillId="0" borderId="15" xfId="2" applyFont="1" applyFill="1" applyBorder="1" applyAlignment="1">
      <alignment horizontal="center" vertical="center" wrapText="1"/>
    </xf>
    <xf numFmtId="0" fontId="13" fillId="0" borderId="7" xfId="2" applyFont="1" applyFill="1" applyBorder="1" applyAlignment="1">
      <alignment horizontal="center" vertical="center" wrapText="1"/>
    </xf>
    <xf numFmtId="0" fontId="13" fillId="0" borderId="8" xfId="2" applyFont="1" applyFill="1" applyBorder="1" applyAlignment="1">
      <alignment horizontal="center" vertical="center" wrapText="1"/>
    </xf>
    <xf numFmtId="0" fontId="13" fillId="0" borderId="39" xfId="2" applyFont="1" applyFill="1" applyBorder="1" applyAlignment="1">
      <alignment horizontal="center" vertical="center" wrapText="1"/>
    </xf>
    <xf numFmtId="0" fontId="14" fillId="3" borderId="40" xfId="2" applyFont="1" applyFill="1" applyBorder="1" applyAlignment="1">
      <alignment horizontal="left" vertical="center" wrapText="1"/>
    </xf>
    <xf numFmtId="0" fontId="14" fillId="3" borderId="0" xfId="2" applyFont="1" applyFill="1" applyBorder="1" applyAlignment="1">
      <alignment horizontal="left" vertical="center" wrapText="1"/>
    </xf>
    <xf numFmtId="14" fontId="14" fillId="3" borderId="0" xfId="2" applyNumberFormat="1" applyFont="1" applyFill="1" applyBorder="1" applyAlignment="1">
      <alignment horizontal="left" vertical="center" wrapText="1"/>
    </xf>
    <xf numFmtId="0" fontId="15" fillId="4" borderId="0" xfId="2" applyFont="1" applyFill="1" applyAlignment="1">
      <alignment horizontal="left" vertical="top"/>
    </xf>
    <xf numFmtId="0" fontId="9" fillId="0" borderId="41" xfId="1" applyFont="1" applyFill="1" applyBorder="1" applyAlignment="1">
      <alignment horizontal="center" vertical="center" wrapText="1"/>
    </xf>
    <xf numFmtId="0" fontId="9" fillId="0" borderId="15" xfId="1" applyFont="1" applyFill="1" applyBorder="1" applyAlignment="1">
      <alignment horizontal="center" vertical="center" wrapText="1"/>
    </xf>
    <xf numFmtId="0" fontId="9" fillId="0" borderId="42" xfId="1" applyFont="1" applyFill="1" applyBorder="1" applyAlignment="1">
      <alignment horizontal="center" vertical="center" wrapText="1"/>
    </xf>
    <xf numFmtId="0" fontId="9" fillId="0" borderId="10" xfId="1" applyFont="1" applyFill="1" applyBorder="1" applyAlignment="1">
      <alignment horizontal="center" vertical="center"/>
    </xf>
    <xf numFmtId="0" fontId="9" fillId="0" borderId="20" xfId="1" applyFont="1" applyFill="1" applyBorder="1" applyAlignment="1">
      <alignment horizontal="center" vertical="center"/>
    </xf>
    <xf numFmtId="0" fontId="9" fillId="0" borderId="22" xfId="1" applyFont="1" applyFill="1" applyBorder="1" applyAlignment="1">
      <alignment horizontal="center" vertical="center"/>
    </xf>
    <xf numFmtId="0" fontId="9" fillId="0" borderId="23" xfId="1" applyFont="1" applyFill="1" applyBorder="1" applyAlignment="1">
      <alignment horizontal="center" vertical="center"/>
    </xf>
    <xf numFmtId="0" fontId="9" fillId="0" borderId="43" xfId="1" applyFont="1" applyFill="1" applyBorder="1" applyAlignment="1">
      <alignment horizontal="center" vertical="center" wrapText="1"/>
    </xf>
    <xf numFmtId="0" fontId="9" fillId="0" borderId="0" xfId="1" applyFont="1" applyFill="1" applyBorder="1" applyAlignment="1">
      <alignment horizontal="center" vertical="center" wrapText="1"/>
    </xf>
    <xf numFmtId="0" fontId="9" fillId="0" borderId="44" xfId="1" applyFont="1" applyFill="1" applyBorder="1" applyAlignment="1">
      <alignment horizontal="center" vertical="center" wrapText="1"/>
    </xf>
    <xf numFmtId="0" fontId="16" fillId="0" borderId="10" xfId="1" applyFont="1" applyFill="1" applyBorder="1" applyAlignment="1">
      <alignment horizontal="center" vertical="center" wrapText="1"/>
    </xf>
    <xf numFmtId="0" fontId="16" fillId="0" borderId="45" xfId="1" applyFont="1" applyFill="1" applyBorder="1" applyAlignment="1">
      <alignment horizontal="center" vertical="center" wrapText="1"/>
    </xf>
    <xf numFmtId="0" fontId="16" fillId="0" borderId="46" xfId="1" applyFont="1" applyFill="1" applyBorder="1" applyAlignment="1">
      <alignment horizontal="center" vertical="center" wrapText="1"/>
    </xf>
    <xf numFmtId="0" fontId="16" fillId="0" borderId="47" xfId="1" applyFont="1" applyFill="1" applyBorder="1" applyAlignment="1">
      <alignment horizontal="center" vertical="center" wrapText="1"/>
    </xf>
    <xf numFmtId="0" fontId="16" fillId="0" borderId="48" xfId="1" applyFont="1" applyFill="1" applyBorder="1" applyAlignment="1">
      <alignment horizontal="center" vertical="center" wrapText="1"/>
    </xf>
    <xf numFmtId="0" fontId="16" fillId="0" borderId="49" xfId="1" applyFont="1" applyFill="1" applyBorder="1" applyAlignment="1">
      <alignment horizontal="center" vertical="center" wrapText="1"/>
    </xf>
    <xf numFmtId="0" fontId="16" fillId="0" borderId="50" xfId="1" applyFont="1" applyFill="1" applyBorder="1" applyAlignment="1">
      <alignment horizontal="center" vertical="center" wrapText="1"/>
    </xf>
    <xf numFmtId="0" fontId="9" fillId="0" borderId="10" xfId="1" applyFont="1" applyFill="1" applyBorder="1" applyAlignment="1">
      <alignment horizontal="center" vertical="center" wrapText="1"/>
    </xf>
    <xf numFmtId="0" fontId="9" fillId="0" borderId="10" xfId="1" applyFont="1" applyFill="1" applyBorder="1" applyAlignment="1">
      <alignment horizontal="center" vertical="center" wrapText="1"/>
    </xf>
    <xf numFmtId="0" fontId="9" fillId="0" borderId="25" xfId="1" applyFont="1" applyFill="1" applyBorder="1" applyAlignment="1">
      <alignment horizontal="center" vertical="center" wrapText="1"/>
    </xf>
    <xf numFmtId="0" fontId="9" fillId="0" borderId="26" xfId="1" applyFont="1" applyFill="1" applyBorder="1" applyAlignment="1">
      <alignment horizontal="center" vertical="center" wrapText="1"/>
    </xf>
    <xf numFmtId="0" fontId="9" fillId="0" borderId="28" xfId="1" applyFont="1" applyFill="1" applyBorder="1" applyAlignment="1">
      <alignment horizontal="center" vertical="center" wrapText="1"/>
    </xf>
    <xf numFmtId="49" fontId="11" fillId="0" borderId="15" xfId="1" applyNumberFormat="1" applyFont="1" applyFill="1" applyBorder="1" applyAlignment="1">
      <alignment horizontal="center" vertical="center" wrapText="1"/>
    </xf>
    <xf numFmtId="0" fontId="10" fillId="0" borderId="15" xfId="1" applyFont="1" applyFill="1" applyBorder="1" applyAlignment="1">
      <alignment horizontal="left" vertical="center" wrapText="1"/>
    </xf>
    <xf numFmtId="0" fontId="10" fillId="0" borderId="16" xfId="1" applyFont="1" applyFill="1" applyBorder="1" applyAlignment="1">
      <alignment horizontal="left" vertical="center" wrapText="1"/>
    </xf>
    <xf numFmtId="0" fontId="9" fillId="0" borderId="18" xfId="1" applyFont="1" applyFill="1" applyBorder="1" applyAlignment="1">
      <alignment horizontal="center" vertical="center" wrapText="1"/>
    </xf>
    <xf numFmtId="0" fontId="9" fillId="0" borderId="19" xfId="1" applyFont="1" applyFill="1" applyBorder="1" applyAlignment="1">
      <alignment horizontal="center" vertical="center" wrapText="1"/>
    </xf>
    <xf numFmtId="0" fontId="9" fillId="0" borderId="7" xfId="1" applyFont="1" applyFill="1" applyBorder="1" applyAlignment="1">
      <alignment horizontal="center" vertical="center" wrapText="1"/>
    </xf>
    <xf numFmtId="0" fontId="9" fillId="0" borderId="9" xfId="1" applyFont="1" applyFill="1" applyBorder="1" applyAlignment="1">
      <alignment horizontal="center" vertical="center" wrapText="1"/>
    </xf>
    <xf numFmtId="0" fontId="6" fillId="5" borderId="51" xfId="1" applyFont="1" applyFill="1" applyBorder="1" applyAlignment="1">
      <alignment horizontal="left" vertical="center" wrapText="1"/>
    </xf>
    <xf numFmtId="0" fontId="6" fillId="5" borderId="11" xfId="1" applyFont="1" applyFill="1" applyBorder="1" applyAlignment="1">
      <alignment horizontal="left" vertical="center" wrapText="1"/>
    </xf>
    <xf numFmtId="0" fontId="6" fillId="5" borderId="12" xfId="1" applyFont="1" applyFill="1" applyBorder="1" applyAlignment="1">
      <alignment horizontal="left" vertical="center" wrapText="1"/>
    </xf>
    <xf numFmtId="0" fontId="6" fillId="2" borderId="52" xfId="1" applyFont="1" applyFill="1" applyBorder="1" applyAlignment="1">
      <alignment horizontal="center" vertical="center" wrapText="1"/>
    </xf>
    <xf numFmtId="0" fontId="6" fillId="2" borderId="53" xfId="1" applyFont="1" applyFill="1" applyBorder="1" applyAlignment="1">
      <alignment horizontal="center" vertical="center" wrapText="1"/>
    </xf>
    <xf numFmtId="0" fontId="6" fillId="2" borderId="34"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41" xfId="1" applyFont="1" applyFill="1" applyBorder="1" applyAlignment="1">
      <alignment horizontal="center" vertical="center" wrapText="1"/>
    </xf>
    <xf numFmtId="0" fontId="9" fillId="0" borderId="53" xfId="1" applyFont="1" applyFill="1" applyBorder="1" applyAlignment="1">
      <alignment horizontal="center" vertical="center" wrapText="1"/>
    </xf>
    <xf numFmtId="0" fontId="6" fillId="2" borderId="54"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55" xfId="1" applyFont="1" applyFill="1" applyBorder="1" applyAlignment="1">
      <alignment horizontal="center" vertical="center" wrapText="1"/>
    </xf>
    <xf numFmtId="0" fontId="6" fillId="2" borderId="34" xfId="1" applyFont="1" applyFill="1" applyBorder="1" applyAlignment="1">
      <alignment horizontal="center" vertical="center" shrinkToFit="1"/>
    </xf>
    <xf numFmtId="0" fontId="6" fillId="2" borderId="56" xfId="1" applyFont="1" applyFill="1" applyBorder="1" applyAlignment="1">
      <alignment horizontal="center" vertical="center" shrinkToFit="1"/>
    </xf>
    <xf numFmtId="0" fontId="6" fillId="2" borderId="57" xfId="1" applyFont="1" applyFill="1" applyBorder="1" applyAlignment="1">
      <alignment horizontal="center" vertical="center" wrapText="1"/>
    </xf>
    <xf numFmtId="0" fontId="6" fillId="2" borderId="58" xfId="1" applyFont="1" applyFill="1" applyBorder="1" applyAlignment="1">
      <alignment horizontal="center" vertical="center" wrapText="1"/>
    </xf>
    <xf numFmtId="0" fontId="9" fillId="0" borderId="57" xfId="1" applyFont="1" applyFill="1" applyBorder="1" applyAlignment="1">
      <alignment horizontal="center" vertical="center" wrapText="1"/>
    </xf>
    <xf numFmtId="0" fontId="9" fillId="0" borderId="58" xfId="1" applyFont="1" applyFill="1" applyBorder="1" applyAlignment="1">
      <alignment horizontal="center" vertical="center" wrapText="1"/>
    </xf>
    <xf numFmtId="0" fontId="6" fillId="2" borderId="12" xfId="1" applyFont="1" applyFill="1" applyBorder="1" applyAlignment="1">
      <alignment horizontal="center" vertical="center" wrapText="1"/>
    </xf>
    <xf numFmtId="0" fontId="6" fillId="2" borderId="30" xfId="1" applyFont="1" applyFill="1" applyBorder="1" applyAlignment="1">
      <alignment horizontal="center" vertical="center" wrapText="1"/>
    </xf>
    <xf numFmtId="0" fontId="6" fillId="2" borderId="34" xfId="1" applyFont="1" applyFill="1" applyBorder="1" applyAlignment="1">
      <alignment horizontal="center" vertical="center" wrapText="1"/>
    </xf>
    <xf numFmtId="0" fontId="6" fillId="2" borderId="59" xfId="1" applyFont="1" applyFill="1" applyBorder="1" applyAlignment="1">
      <alignment horizontal="center" vertical="center" wrapText="1"/>
    </xf>
    <xf numFmtId="0" fontId="6" fillId="2" borderId="33" xfId="1" applyFont="1" applyFill="1" applyBorder="1" applyAlignment="1">
      <alignment horizontal="left" vertical="top" wrapText="1"/>
    </xf>
    <xf numFmtId="0" fontId="6" fillId="2" borderId="56" xfId="1" applyFont="1" applyFill="1" applyBorder="1" applyAlignment="1">
      <alignment horizontal="center" vertical="center" wrapText="1"/>
    </xf>
    <xf numFmtId="0" fontId="6" fillId="2" borderId="60" xfId="1" applyFont="1" applyFill="1" applyBorder="1" applyAlignment="1">
      <alignment horizontal="center" vertical="center" wrapText="1"/>
    </xf>
    <xf numFmtId="0" fontId="6" fillId="2" borderId="61" xfId="1" applyFont="1" applyFill="1" applyBorder="1" applyAlignment="1">
      <alignment horizontal="center" vertical="center" wrapText="1"/>
    </xf>
    <xf numFmtId="0" fontId="6" fillId="2" borderId="62" xfId="1" applyFont="1" applyFill="1" applyBorder="1" applyAlignment="1">
      <alignment horizontal="center" vertical="center" wrapText="1"/>
    </xf>
    <xf numFmtId="0" fontId="9" fillId="0" borderId="34" xfId="1" applyFont="1" applyFill="1" applyBorder="1" applyAlignment="1">
      <alignment horizontal="center" vertical="center" wrapText="1"/>
    </xf>
    <xf numFmtId="0" fontId="9" fillId="0" borderId="56" xfId="1" applyFont="1" applyFill="1" applyBorder="1" applyAlignment="1">
      <alignment horizontal="center" vertical="center" wrapText="1"/>
    </xf>
    <xf numFmtId="0" fontId="9" fillId="0" borderId="60" xfId="1" applyFont="1" applyFill="1" applyBorder="1" applyAlignment="1">
      <alignment horizontal="center" vertical="center" wrapText="1"/>
    </xf>
    <xf numFmtId="0" fontId="9" fillId="0" borderId="63" xfId="1" applyFont="1" applyFill="1" applyBorder="1" applyAlignment="1">
      <alignment horizontal="center" vertical="center" wrapText="1"/>
    </xf>
    <xf numFmtId="0" fontId="6" fillId="2" borderId="63" xfId="1" applyFont="1" applyFill="1" applyBorder="1" applyAlignment="1">
      <alignment horizontal="center" vertical="center" wrapText="1"/>
    </xf>
    <xf numFmtId="0" fontId="6" fillId="2" borderId="64" xfId="1" applyFont="1" applyFill="1" applyBorder="1" applyAlignment="1">
      <alignment horizontal="center" vertical="center" wrapText="1"/>
    </xf>
    <xf numFmtId="0" fontId="6" fillId="2" borderId="65" xfId="1" applyFont="1" applyFill="1" applyBorder="1" applyAlignment="1">
      <alignment horizontal="center" vertical="center" wrapText="1"/>
    </xf>
    <xf numFmtId="0" fontId="6" fillId="2" borderId="66" xfId="1" applyFont="1" applyFill="1" applyBorder="1" applyAlignment="1">
      <alignment horizontal="center" vertical="center" wrapText="1"/>
    </xf>
    <xf numFmtId="0" fontId="6" fillId="2" borderId="65" xfId="1" applyFont="1" applyFill="1" applyBorder="1" applyAlignment="1">
      <alignment horizontal="left" vertical="center" wrapText="1"/>
    </xf>
    <xf numFmtId="0" fontId="6" fillId="2" borderId="67" xfId="1" applyFont="1" applyFill="1" applyBorder="1" applyAlignment="1">
      <alignment horizontal="left" vertical="center" wrapText="1"/>
    </xf>
    <xf numFmtId="0" fontId="2" fillId="2" borderId="68" xfId="1" applyFont="1" applyFill="1" applyBorder="1" applyAlignment="1">
      <alignment horizontal="left" vertical="center" wrapText="1"/>
    </xf>
    <xf numFmtId="0" fontId="2" fillId="2" borderId="68" xfId="1" applyFont="1" applyFill="1" applyBorder="1" applyAlignment="1">
      <alignment horizontal="left" vertical="center"/>
    </xf>
    <xf numFmtId="0" fontId="6" fillId="2" borderId="69" xfId="1" applyFont="1" applyFill="1" applyBorder="1" applyAlignment="1">
      <alignment horizontal="center" vertical="center" textRotation="255" wrapText="1"/>
    </xf>
    <xf numFmtId="0" fontId="6" fillId="2" borderId="70" xfId="1" applyFont="1" applyFill="1" applyBorder="1" applyAlignment="1">
      <alignment horizontal="center" vertical="center" wrapText="1"/>
    </xf>
    <xf numFmtId="0" fontId="6" fillId="2" borderId="2" xfId="1" applyFont="1" applyFill="1" applyBorder="1" applyAlignment="1">
      <alignment horizontal="left" vertical="center" wrapText="1"/>
    </xf>
    <xf numFmtId="0" fontId="6" fillId="2" borderId="3" xfId="1" applyFont="1" applyFill="1" applyBorder="1" applyAlignment="1">
      <alignment horizontal="left" vertical="center" wrapText="1"/>
    </xf>
    <xf numFmtId="0" fontId="6" fillId="2" borderId="4" xfId="1" applyFont="1" applyFill="1" applyBorder="1" applyAlignment="1">
      <alignment horizontal="left" vertical="center" wrapText="1"/>
    </xf>
    <xf numFmtId="0" fontId="6" fillId="2" borderId="71" xfId="1" applyFont="1" applyFill="1" applyBorder="1" applyAlignment="1">
      <alignment horizontal="center" vertical="center" textRotation="255" wrapText="1"/>
    </xf>
    <xf numFmtId="0" fontId="6" fillId="2" borderId="72" xfId="1" applyFont="1" applyFill="1" applyBorder="1" applyAlignment="1">
      <alignment horizontal="center" vertical="center" textRotation="255" wrapText="1"/>
    </xf>
    <xf numFmtId="0" fontId="6" fillId="2" borderId="73" xfId="1" applyFont="1" applyFill="1" applyBorder="1" applyAlignment="1">
      <alignment horizontal="center" vertical="center" wrapText="1"/>
    </xf>
    <xf numFmtId="0" fontId="6" fillId="2" borderId="74" xfId="1" applyFont="1" applyFill="1" applyBorder="1" applyAlignment="1">
      <alignment horizontal="center" vertical="center" wrapText="1"/>
    </xf>
    <xf numFmtId="0" fontId="6" fillId="2" borderId="75" xfId="1" applyFont="1" applyFill="1" applyBorder="1" applyAlignment="1">
      <alignment horizontal="center" vertical="center" wrapText="1"/>
    </xf>
    <xf numFmtId="49" fontId="6" fillId="2" borderId="74" xfId="1" applyNumberFormat="1" applyFont="1" applyFill="1" applyBorder="1" applyAlignment="1">
      <alignment horizontal="left" vertical="center" wrapText="1"/>
    </xf>
    <xf numFmtId="49" fontId="6" fillId="2" borderId="76" xfId="1" applyNumberFormat="1" applyFont="1" applyFill="1" applyBorder="1" applyAlignment="1">
      <alignment horizontal="left" vertical="center" wrapText="1"/>
    </xf>
    <xf numFmtId="49" fontId="6" fillId="2" borderId="77" xfId="1" applyNumberFormat="1" applyFont="1" applyFill="1" applyBorder="1" applyAlignment="1">
      <alignment horizontal="left" vertical="center" wrapText="1"/>
    </xf>
    <xf numFmtId="0" fontId="6" fillId="2" borderId="0" xfId="1" applyFont="1" applyFill="1" applyAlignment="1">
      <alignment horizontal="center" vertical="center" textRotation="255" wrapText="1"/>
    </xf>
    <xf numFmtId="0" fontId="6" fillId="2" borderId="0" xfId="1" applyFont="1" applyFill="1" applyAlignment="1">
      <alignment vertical="center" wrapText="1"/>
    </xf>
    <xf numFmtId="0" fontId="11" fillId="0" borderId="0" xfId="1" applyFont="1" applyFill="1" applyAlignment="1">
      <alignment horizontal="justify" vertical="top" wrapText="1"/>
    </xf>
    <xf numFmtId="0" fontId="11" fillId="0" borderId="0" xfId="1" applyFont="1" applyFill="1" applyAlignment="1">
      <alignment horizontal="justify" vertical="top"/>
    </xf>
    <xf numFmtId="0" fontId="5" fillId="2" borderId="0" xfId="1" applyFont="1" applyFill="1" applyAlignment="1">
      <alignment horizontal="left" vertical="top" indent="4"/>
    </xf>
    <xf numFmtId="0" fontId="5" fillId="2" borderId="0" xfId="1" applyFont="1" applyFill="1" applyAlignment="1">
      <alignment horizontal="left" vertical="top" indent="7"/>
    </xf>
    <xf numFmtId="0" fontId="5" fillId="2" borderId="0" xfId="1" applyFont="1" applyFill="1" applyAlignment="1">
      <alignment horizontal="left" vertical="top" indent="6"/>
    </xf>
    <xf numFmtId="20" fontId="17" fillId="2" borderId="0" xfId="1" applyNumberFormat="1" applyFont="1" applyFill="1" applyAlignment="1">
      <alignment horizontal="left" vertical="top"/>
    </xf>
    <xf numFmtId="0" fontId="18" fillId="2" borderId="0" xfId="1" applyFont="1" applyFill="1" applyAlignment="1">
      <alignment horizontal="left" vertical="top"/>
    </xf>
    <xf numFmtId="0" fontId="17" fillId="2" borderId="0" xfId="1" applyFont="1" applyFill="1" applyAlignment="1">
      <alignment horizontal="left" vertical="center" wrapText="1"/>
    </xf>
    <xf numFmtId="0" fontId="17" fillId="2" borderId="0" xfId="1" applyFont="1" applyFill="1" applyAlignment="1">
      <alignment horizontal="left" vertical="top"/>
    </xf>
    <xf numFmtId="0" fontId="9" fillId="2" borderId="78" xfId="1" applyFont="1" applyFill="1" applyBorder="1" applyAlignment="1">
      <alignment horizontal="center" vertical="center" wrapText="1"/>
    </xf>
    <xf numFmtId="0" fontId="9" fillId="2" borderId="79" xfId="1" applyFont="1" applyFill="1" applyBorder="1" applyAlignment="1">
      <alignment horizontal="center" vertical="center" wrapText="1"/>
    </xf>
    <xf numFmtId="0" fontId="9" fillId="2" borderId="80" xfId="1" applyFont="1" applyFill="1" applyBorder="1" applyAlignment="1">
      <alignment horizontal="center" vertical="center" wrapText="1"/>
    </xf>
    <xf numFmtId="0" fontId="9" fillId="2" borderId="70" xfId="1" applyFont="1" applyFill="1" applyBorder="1" applyAlignment="1">
      <alignment horizontal="center" vertical="center" wrapText="1"/>
    </xf>
    <xf numFmtId="0" fontId="9" fillId="2" borderId="81" xfId="1" applyFont="1" applyFill="1" applyBorder="1" applyAlignment="1">
      <alignment horizontal="left" vertical="center" wrapText="1"/>
    </xf>
    <xf numFmtId="0" fontId="9" fillId="2" borderId="82" xfId="1" applyFont="1" applyFill="1" applyBorder="1" applyAlignment="1">
      <alignment horizontal="left" vertical="center" wrapText="1"/>
    </xf>
    <xf numFmtId="0" fontId="9" fillId="2" borderId="54" xfId="1" applyFont="1" applyFill="1" applyBorder="1" applyAlignment="1">
      <alignment horizontal="center" vertical="center" wrapText="1"/>
    </xf>
    <xf numFmtId="0" fontId="9" fillId="2" borderId="0" xfId="1" applyFont="1" applyFill="1" applyAlignment="1">
      <alignment horizontal="center" vertical="center" wrapText="1"/>
    </xf>
    <xf numFmtId="0" fontId="9" fillId="2" borderId="44" xfId="1" applyFont="1" applyFill="1" applyBorder="1" applyAlignment="1">
      <alignment horizontal="center" vertical="center" wrapText="1"/>
    </xf>
    <xf numFmtId="0" fontId="9" fillId="2" borderId="13" xfId="1" applyFont="1" applyFill="1" applyBorder="1" applyAlignment="1">
      <alignment horizontal="center" vertical="center" wrapText="1"/>
    </xf>
    <xf numFmtId="0" fontId="10" fillId="2" borderId="15" xfId="1" applyFont="1" applyFill="1" applyBorder="1" applyAlignment="1">
      <alignment vertical="center" shrinkToFit="1"/>
    </xf>
    <xf numFmtId="49" fontId="11" fillId="2" borderId="15" xfId="1" applyNumberFormat="1" applyFont="1" applyFill="1" applyBorder="1" applyAlignment="1">
      <alignment horizontal="center" vertical="center" wrapText="1"/>
    </xf>
    <xf numFmtId="0" fontId="10" fillId="2" borderId="15" xfId="1" applyFont="1" applyFill="1" applyBorder="1" applyAlignment="1">
      <alignment horizontal="center" vertical="center" wrapText="1"/>
    </xf>
    <xf numFmtId="0" fontId="10" fillId="2" borderId="15" xfId="1" applyFont="1" applyFill="1" applyBorder="1" applyAlignment="1">
      <alignment horizontal="left" vertical="center" wrapText="1"/>
    </xf>
    <xf numFmtId="0" fontId="10" fillId="2" borderId="16" xfId="1" applyFont="1" applyFill="1" applyBorder="1" applyAlignment="1">
      <alignment horizontal="left" vertical="center" wrapText="1"/>
    </xf>
    <xf numFmtId="0" fontId="9" fillId="2" borderId="17" xfId="1" applyFont="1" applyFill="1" applyBorder="1" applyAlignment="1">
      <alignment horizontal="center" vertical="center" wrapText="1"/>
    </xf>
    <xf numFmtId="0" fontId="9" fillId="2" borderId="18" xfId="1" applyFont="1" applyFill="1" applyBorder="1" applyAlignment="1">
      <alignment horizontal="left" vertical="center" wrapText="1"/>
    </xf>
    <xf numFmtId="0" fontId="9" fillId="2" borderId="0" xfId="1" applyFont="1" applyFill="1" applyAlignment="1">
      <alignment horizontal="left" vertical="center" wrapText="1"/>
    </xf>
    <xf numFmtId="0" fontId="9" fillId="2" borderId="19" xfId="1" applyFont="1" applyFill="1" applyBorder="1" applyAlignment="1">
      <alignment horizontal="left" vertical="center" wrapText="1"/>
    </xf>
    <xf numFmtId="0" fontId="9" fillId="2" borderId="83"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9" fillId="2" borderId="32" xfId="1" applyFont="1" applyFill="1" applyBorder="1" applyAlignment="1">
      <alignment horizontal="center" vertical="center" wrapText="1"/>
    </xf>
    <xf numFmtId="0" fontId="9" fillId="2" borderId="6" xfId="1" applyFont="1" applyFill="1" applyBorder="1" applyAlignment="1">
      <alignment horizontal="center" vertical="center" wrapText="1"/>
    </xf>
    <xf numFmtId="0" fontId="9" fillId="2" borderId="7" xfId="1" applyFont="1" applyFill="1" applyBorder="1" applyAlignment="1">
      <alignment horizontal="left" vertical="center" wrapText="1"/>
    </xf>
    <xf numFmtId="0" fontId="9" fillId="2" borderId="8" xfId="1" applyFont="1" applyFill="1" applyBorder="1" applyAlignment="1">
      <alignment horizontal="left" vertical="center" wrapText="1"/>
    </xf>
    <xf numFmtId="0" fontId="9" fillId="2" borderId="9" xfId="1" applyFont="1" applyFill="1" applyBorder="1" applyAlignment="1">
      <alignment horizontal="left" vertical="center" wrapText="1"/>
    </xf>
    <xf numFmtId="0" fontId="9" fillId="2" borderId="84" xfId="1" applyFont="1" applyFill="1" applyBorder="1" applyAlignment="1">
      <alignment horizontal="center" vertical="center" wrapText="1"/>
    </xf>
    <xf numFmtId="0" fontId="9" fillId="2" borderId="27" xfId="1" applyFont="1" applyFill="1" applyBorder="1" applyAlignment="1">
      <alignment horizontal="center" vertical="center" wrapText="1"/>
    </xf>
    <xf numFmtId="0" fontId="9" fillId="2" borderId="85" xfId="1" applyFont="1" applyFill="1" applyBorder="1" applyAlignment="1">
      <alignment horizontal="center" vertical="center" wrapText="1"/>
    </xf>
    <xf numFmtId="0" fontId="9" fillId="2" borderId="10" xfId="1" applyFont="1" applyFill="1" applyBorder="1" applyAlignment="1">
      <alignment horizontal="center" vertical="center" wrapText="1"/>
    </xf>
    <xf numFmtId="0" fontId="9" fillId="2" borderId="26" xfId="1" applyFont="1" applyFill="1" applyBorder="1" applyAlignment="1">
      <alignment horizontal="left" vertical="center" wrapText="1"/>
    </xf>
    <xf numFmtId="0" fontId="9" fillId="2" borderId="28" xfId="1" applyFont="1" applyFill="1" applyBorder="1" applyAlignment="1">
      <alignment horizontal="left" vertical="center" wrapText="1"/>
    </xf>
    <xf numFmtId="0" fontId="9" fillId="2" borderId="86" xfId="1" applyFont="1" applyFill="1" applyBorder="1" applyAlignment="1">
      <alignment horizontal="center" vertical="center" wrapText="1"/>
    </xf>
    <xf numFmtId="0" fontId="9" fillId="2" borderId="87" xfId="1" applyFont="1" applyFill="1" applyBorder="1" applyAlignment="1">
      <alignment horizontal="center" vertical="center" wrapText="1"/>
    </xf>
    <xf numFmtId="0" fontId="9" fillId="2" borderId="88" xfId="1" applyFont="1" applyFill="1" applyBorder="1" applyAlignment="1">
      <alignment horizontal="center" vertical="center" wrapText="1"/>
    </xf>
    <xf numFmtId="0" fontId="9" fillId="2" borderId="89" xfId="1" applyFont="1" applyFill="1" applyBorder="1" applyAlignment="1">
      <alignment horizontal="center" vertical="center" wrapText="1"/>
    </xf>
    <xf numFmtId="0" fontId="9" fillId="2" borderId="90" xfId="1" applyFont="1" applyFill="1" applyBorder="1" applyAlignment="1">
      <alignment horizontal="left" vertical="center" wrapText="1"/>
    </xf>
    <xf numFmtId="0" fontId="9" fillId="2" borderId="87" xfId="1" applyFont="1" applyFill="1" applyBorder="1" applyAlignment="1">
      <alignment horizontal="left" vertical="center" wrapText="1"/>
    </xf>
    <xf numFmtId="0" fontId="9" fillId="2" borderId="91" xfId="1" applyFont="1" applyFill="1" applyBorder="1" applyAlignment="1">
      <alignment horizontal="left" vertical="center" wrapText="1"/>
    </xf>
    <xf numFmtId="0" fontId="17" fillId="2" borderId="0" xfId="1" applyFont="1" applyFill="1" applyAlignment="1">
      <alignment horizontal="left" vertical="center"/>
    </xf>
    <xf numFmtId="0" fontId="17" fillId="2" borderId="87" xfId="1" applyFont="1" applyFill="1" applyBorder="1" applyAlignment="1">
      <alignment horizontal="left" vertical="center" wrapText="1"/>
    </xf>
    <xf numFmtId="0" fontId="17" fillId="2" borderId="87" xfId="1" applyFont="1" applyFill="1" applyBorder="1" applyAlignment="1">
      <alignment horizontal="left" vertical="center"/>
    </xf>
    <xf numFmtId="0" fontId="9" fillId="2" borderId="69" xfId="1" applyFont="1" applyFill="1" applyBorder="1" applyAlignment="1">
      <alignment horizontal="center" vertical="center" textRotation="255" wrapText="1"/>
    </xf>
    <xf numFmtId="0" fontId="9" fillId="2" borderId="2" xfId="1" applyFont="1" applyFill="1" applyBorder="1" applyAlignment="1">
      <alignment horizontal="left" vertical="center" wrapText="1"/>
    </xf>
    <xf numFmtId="0" fontId="9" fillId="2" borderId="3" xfId="1" applyFont="1" applyFill="1" applyBorder="1" applyAlignment="1">
      <alignment horizontal="left" vertical="center" wrapText="1"/>
    </xf>
    <xf numFmtId="0" fontId="9" fillId="2" borderId="4" xfId="1" applyFont="1" applyFill="1" applyBorder="1" applyAlignment="1">
      <alignment horizontal="left" vertical="center" wrapText="1"/>
    </xf>
    <xf numFmtId="0" fontId="9" fillId="2" borderId="71" xfId="1" applyFont="1" applyFill="1" applyBorder="1" applyAlignment="1">
      <alignment horizontal="center" vertical="center" textRotation="255" wrapText="1"/>
    </xf>
    <xf numFmtId="0" fontId="19" fillId="2" borderId="11" xfId="1" applyFont="1" applyFill="1" applyBorder="1" applyAlignment="1">
      <alignment horizontal="left" vertical="center" wrapText="1"/>
    </xf>
    <xf numFmtId="0" fontId="19" fillId="2" borderId="12" xfId="1" applyFont="1" applyFill="1" applyBorder="1" applyAlignment="1">
      <alignment horizontal="left" vertical="center" wrapText="1"/>
    </xf>
    <xf numFmtId="0" fontId="10" fillId="2" borderId="14" xfId="1" applyFont="1" applyFill="1" applyBorder="1" applyAlignment="1">
      <alignment horizontal="center" vertical="center" shrinkToFit="1"/>
    </xf>
    <xf numFmtId="49" fontId="9" fillId="2" borderId="15" xfId="1" applyNumberFormat="1" applyFont="1" applyFill="1" applyBorder="1" applyAlignment="1">
      <alignment horizontal="center" vertical="center" wrapText="1"/>
    </xf>
    <xf numFmtId="0" fontId="9" fillId="2" borderId="15" xfId="1" applyFont="1" applyFill="1" applyBorder="1" applyAlignment="1">
      <alignment horizontal="center" vertical="center" wrapText="1"/>
    </xf>
    <xf numFmtId="0" fontId="9" fillId="2" borderId="15" xfId="1" applyFont="1" applyFill="1" applyBorder="1" applyAlignment="1">
      <alignment horizontal="left" vertical="center" wrapText="1"/>
    </xf>
    <xf numFmtId="0" fontId="9" fillId="2" borderId="15"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9" fillId="2" borderId="18" xfId="1" applyFont="1" applyFill="1" applyBorder="1" applyAlignment="1">
      <alignment horizontal="left" vertical="center" shrinkToFit="1"/>
    </xf>
    <xf numFmtId="0" fontId="9" fillId="2" borderId="0" xfId="1" applyFont="1" applyFill="1" applyAlignment="1">
      <alignment horizontal="left" vertical="center" shrinkToFit="1"/>
    </xf>
    <xf numFmtId="0" fontId="9" fillId="2" borderId="0" xfId="1" applyFont="1" applyFill="1" applyAlignment="1">
      <alignment horizontal="center" vertical="center" wrapText="1"/>
    </xf>
    <xf numFmtId="0" fontId="9" fillId="2" borderId="10" xfId="1" applyFont="1" applyFill="1" applyBorder="1" applyAlignment="1">
      <alignment horizontal="center" vertical="center" wrapText="1"/>
    </xf>
    <xf numFmtId="0" fontId="9" fillId="2" borderId="20" xfId="1" applyFont="1" applyFill="1" applyBorder="1" applyAlignment="1">
      <alignment horizontal="center" vertical="center" wrapText="1"/>
    </xf>
    <xf numFmtId="0" fontId="9" fillId="2" borderId="21" xfId="1" applyFont="1" applyFill="1" applyBorder="1" applyAlignment="1">
      <alignment horizontal="center" vertical="center" wrapText="1"/>
    </xf>
    <xf numFmtId="49" fontId="9" fillId="2" borderId="20" xfId="1" applyNumberFormat="1" applyFont="1" applyFill="1" applyBorder="1" applyAlignment="1">
      <alignment horizontal="left" vertical="center" wrapText="1"/>
    </xf>
    <xf numFmtId="49" fontId="9" fillId="2" borderId="22" xfId="1" applyNumberFormat="1" applyFont="1" applyFill="1" applyBorder="1" applyAlignment="1">
      <alignment horizontal="left" vertical="center" wrapText="1"/>
    </xf>
    <xf numFmtId="49" fontId="10" fillId="2" borderId="22" xfId="1" applyNumberFormat="1" applyFont="1" applyFill="1" applyBorder="1" applyAlignment="1">
      <alignment horizontal="right" vertical="center" wrapText="1"/>
    </xf>
    <xf numFmtId="49" fontId="9" fillId="2" borderId="21" xfId="1" applyNumberFormat="1" applyFont="1" applyFill="1" applyBorder="1" applyAlignment="1">
      <alignment horizontal="center" vertical="center" shrinkToFit="1"/>
    </xf>
    <xf numFmtId="0" fontId="9" fillId="2" borderId="10" xfId="1" applyFont="1" applyFill="1" applyBorder="1" applyAlignment="1">
      <alignment horizontal="center" vertical="center" shrinkToFit="1"/>
    </xf>
    <xf numFmtId="49" fontId="9" fillId="2" borderId="23" xfId="1" applyNumberFormat="1" applyFont="1" applyFill="1" applyBorder="1" applyAlignment="1">
      <alignment horizontal="left" vertical="center" wrapText="1"/>
    </xf>
    <xf numFmtId="0" fontId="9" fillId="2" borderId="72" xfId="1" applyFont="1" applyFill="1" applyBorder="1" applyAlignment="1">
      <alignment horizontal="center" vertical="center" textRotation="255" wrapText="1"/>
    </xf>
    <xf numFmtId="0" fontId="9" fillId="2" borderId="73" xfId="1" applyFont="1" applyFill="1" applyBorder="1" applyAlignment="1">
      <alignment horizontal="center" vertical="center" wrapText="1"/>
    </xf>
    <xf numFmtId="0" fontId="9" fillId="2" borderId="74" xfId="1" applyFont="1" applyFill="1" applyBorder="1" applyAlignment="1">
      <alignment horizontal="center" vertical="center" wrapText="1"/>
    </xf>
    <xf numFmtId="0" fontId="9" fillId="2" borderId="75" xfId="1" applyFont="1" applyFill="1" applyBorder="1" applyAlignment="1">
      <alignment horizontal="center" vertical="center" wrapText="1"/>
    </xf>
    <xf numFmtId="49" fontId="9" fillId="2" borderId="74" xfId="1" applyNumberFormat="1" applyFont="1" applyFill="1" applyBorder="1" applyAlignment="1">
      <alignment horizontal="left" vertical="center" wrapText="1"/>
    </xf>
    <xf numFmtId="49" fontId="9" fillId="2" borderId="76" xfId="1" applyNumberFormat="1" applyFont="1" applyFill="1" applyBorder="1" applyAlignment="1">
      <alignment horizontal="left" vertical="center" wrapText="1"/>
    </xf>
    <xf numFmtId="49" fontId="9" fillId="2" borderId="77" xfId="1" applyNumberFormat="1" applyFont="1" applyFill="1" applyBorder="1" applyAlignment="1">
      <alignment horizontal="left" vertical="center" wrapText="1"/>
    </xf>
    <xf numFmtId="0" fontId="9" fillId="2" borderId="0" xfId="1" applyFont="1" applyFill="1" applyAlignment="1">
      <alignment horizontal="center" vertical="center" textRotation="255" wrapText="1"/>
    </xf>
    <xf numFmtId="0" fontId="9" fillId="2" borderId="0" xfId="1" applyFont="1" applyFill="1" applyAlignment="1">
      <alignment vertical="center" wrapText="1"/>
    </xf>
    <xf numFmtId="0" fontId="21" fillId="2" borderId="87" xfId="1" applyFont="1" applyFill="1" applyBorder="1" applyAlignment="1">
      <alignment horizontal="left" vertical="top" wrapText="1"/>
    </xf>
    <xf numFmtId="0" fontId="22" fillId="2" borderId="1" xfId="1" applyFont="1" applyFill="1" applyBorder="1" applyAlignment="1">
      <alignment horizontal="center" vertical="center" textRotation="255" wrapText="1"/>
    </xf>
    <xf numFmtId="0" fontId="6" fillId="2" borderId="2" xfId="1" applyFont="1" applyFill="1" applyBorder="1" applyAlignment="1">
      <alignment horizontal="center" vertical="center"/>
    </xf>
    <xf numFmtId="0" fontId="6" fillId="2" borderId="3" xfId="1" applyFont="1" applyFill="1" applyBorder="1" applyAlignment="1">
      <alignment horizontal="center" vertical="center"/>
    </xf>
    <xf numFmtId="0" fontId="22" fillId="2" borderId="5" xfId="1" applyFont="1" applyFill="1" applyBorder="1" applyAlignment="1">
      <alignment horizontal="center" vertical="center" textRotation="255" wrapText="1"/>
    </xf>
    <xf numFmtId="0" fontId="22" fillId="2" borderId="11" xfId="1" applyFont="1" applyFill="1" applyBorder="1" applyAlignment="1">
      <alignment horizontal="center" vertical="top" wrapText="1"/>
    </xf>
    <xf numFmtId="0" fontId="22" fillId="2" borderId="58" xfId="1" applyFont="1" applyFill="1" applyBorder="1" applyAlignment="1">
      <alignment horizontal="center" vertical="top" wrapText="1"/>
    </xf>
    <xf numFmtId="0" fontId="22" fillId="2" borderId="57" xfId="1" applyFont="1" applyFill="1" applyBorder="1" applyAlignment="1">
      <alignment horizontal="left" vertical="center" wrapText="1"/>
    </xf>
    <xf numFmtId="0" fontId="22" fillId="2" borderId="11" xfId="1" applyFont="1" applyFill="1" applyBorder="1" applyAlignment="1">
      <alignment horizontal="left" vertical="center" wrapText="1"/>
    </xf>
    <xf numFmtId="0" fontId="22" fillId="2" borderId="12" xfId="1" applyFont="1" applyFill="1" applyBorder="1" applyAlignment="1">
      <alignment horizontal="left" vertical="center" wrapText="1"/>
    </xf>
    <xf numFmtId="0" fontId="22" fillId="2" borderId="38" xfId="1" applyFont="1" applyFill="1" applyBorder="1" applyAlignment="1">
      <alignment horizontal="center" vertical="center" wrapText="1"/>
    </xf>
    <xf numFmtId="0" fontId="22" fillId="2" borderId="56" xfId="1" applyFont="1" applyFill="1" applyBorder="1" applyAlignment="1">
      <alignment horizontal="center" vertical="center" wrapText="1"/>
    </xf>
    <xf numFmtId="0" fontId="23" fillId="2" borderId="34" xfId="1" applyFont="1" applyFill="1" applyBorder="1" applyAlignment="1">
      <alignment horizontal="left" vertical="center" wrapText="1"/>
    </xf>
    <xf numFmtId="0" fontId="23" fillId="2" borderId="38" xfId="1" applyFont="1" applyFill="1" applyBorder="1" applyAlignment="1">
      <alignment horizontal="left" vertical="center" wrapText="1"/>
    </xf>
    <xf numFmtId="0" fontId="23" fillId="2" borderId="92" xfId="1" applyFont="1" applyFill="1" applyBorder="1" applyAlignment="1">
      <alignment horizontal="left" vertical="center" wrapText="1"/>
    </xf>
    <xf numFmtId="0" fontId="22" fillId="2" borderId="14" xfId="1" applyFont="1" applyFill="1" applyBorder="1" applyAlignment="1">
      <alignment horizontal="center" vertical="center" wrapText="1"/>
    </xf>
    <xf numFmtId="0" fontId="22" fillId="2" borderId="15" xfId="1" applyFont="1" applyFill="1" applyBorder="1" applyAlignment="1">
      <alignment horizontal="center" vertical="center" wrapText="1"/>
    </xf>
    <xf numFmtId="0" fontId="22" fillId="2" borderId="53" xfId="1" applyFont="1" applyFill="1" applyBorder="1" applyAlignment="1">
      <alignment horizontal="center" vertical="center" wrapText="1"/>
    </xf>
    <xf numFmtId="0" fontId="22" fillId="2" borderId="41" xfId="1" applyFont="1" applyFill="1" applyBorder="1" applyAlignment="1">
      <alignment horizontal="center" vertical="center" wrapText="1"/>
    </xf>
    <xf numFmtId="49" fontId="22" fillId="2" borderId="15" xfId="1" applyNumberFormat="1" applyFont="1" applyFill="1" applyBorder="1" applyAlignment="1">
      <alignment horizontal="center" vertical="center" wrapText="1"/>
    </xf>
    <xf numFmtId="0" fontId="22" fillId="2" borderId="15" xfId="1" applyFont="1" applyFill="1" applyBorder="1" applyAlignment="1">
      <alignment vertical="center" wrapText="1"/>
    </xf>
    <xf numFmtId="0" fontId="22" fillId="2" borderId="16" xfId="1" applyFont="1" applyFill="1" applyBorder="1" applyAlignment="1">
      <alignment horizontal="center" vertical="center" wrapText="1"/>
    </xf>
    <xf numFmtId="0" fontId="22" fillId="2" borderId="18" xfId="1" applyFont="1" applyFill="1" applyBorder="1" applyAlignment="1">
      <alignment horizontal="center" vertical="center" wrapText="1"/>
    </xf>
    <xf numFmtId="0" fontId="22" fillId="2" borderId="0" xfId="1" applyFont="1" applyFill="1" applyAlignment="1">
      <alignment horizontal="center" vertical="center" wrapText="1"/>
    </xf>
    <xf numFmtId="0" fontId="22" fillId="2" borderId="55" xfId="1" applyFont="1" applyFill="1" applyBorder="1" applyAlignment="1">
      <alignment horizontal="center" vertical="center" wrapText="1"/>
    </xf>
    <xf numFmtId="0" fontId="24" fillId="2" borderId="43" xfId="3" applyFont="1" applyFill="1" applyBorder="1" applyAlignment="1">
      <alignment horizontal="left" vertical="center" wrapText="1"/>
    </xf>
    <xf numFmtId="0" fontId="24" fillId="2" borderId="0" xfId="3" applyFont="1" applyFill="1" applyAlignment="1">
      <alignment horizontal="left" vertical="center" wrapText="1"/>
    </xf>
    <xf numFmtId="0" fontId="24" fillId="2" borderId="0" xfId="3" applyFont="1" applyFill="1" applyAlignment="1">
      <alignment horizontal="center" vertical="center" wrapText="1"/>
    </xf>
    <xf numFmtId="0" fontId="24" fillId="2" borderId="0" xfId="3" applyFont="1" applyFill="1" applyAlignment="1">
      <alignment horizontal="left" vertical="center" wrapText="1"/>
    </xf>
    <xf numFmtId="0" fontId="24" fillId="2" borderId="19" xfId="3" applyFont="1" applyFill="1" applyBorder="1" applyAlignment="1">
      <alignment horizontal="left" vertical="center" wrapText="1"/>
    </xf>
    <xf numFmtId="0" fontId="24" fillId="2" borderId="0" xfId="3" applyFont="1" applyFill="1" applyAlignment="1">
      <alignment vertical="center" wrapText="1"/>
    </xf>
    <xf numFmtId="0" fontId="22" fillId="2" borderId="93" xfId="1" applyFont="1" applyFill="1" applyBorder="1" applyAlignment="1">
      <alignment horizontal="center" vertical="center" wrapText="1"/>
    </xf>
    <xf numFmtId="0" fontId="22" fillId="2" borderId="11" xfId="1" applyFont="1" applyFill="1" applyBorder="1" applyAlignment="1">
      <alignment horizontal="center" vertical="center" wrapText="1"/>
    </xf>
    <xf numFmtId="0" fontId="22" fillId="2" borderId="58" xfId="1" applyFont="1" applyFill="1" applyBorder="1" applyAlignment="1">
      <alignment horizontal="center" vertical="center" wrapText="1"/>
    </xf>
    <xf numFmtId="0" fontId="22" fillId="2" borderId="94" xfId="1" applyFont="1" applyFill="1" applyBorder="1" applyAlignment="1">
      <alignment horizontal="center" vertical="center" wrapText="1"/>
    </xf>
    <xf numFmtId="0" fontId="22" fillId="2" borderId="95" xfId="1" applyFont="1" applyFill="1" applyBorder="1" applyAlignment="1">
      <alignment horizontal="center" vertical="center" wrapText="1"/>
    </xf>
    <xf numFmtId="49" fontId="22" fillId="2" borderId="34" xfId="1" applyNumberFormat="1" applyFont="1" applyFill="1" applyBorder="1" applyAlignment="1">
      <alignment horizontal="left" vertical="center" wrapText="1"/>
    </xf>
    <xf numFmtId="49" fontId="22" fillId="2" borderId="38" xfId="1" applyNumberFormat="1" applyFont="1" applyFill="1" applyBorder="1" applyAlignment="1">
      <alignment horizontal="left" vertical="center" wrapText="1"/>
    </xf>
    <xf numFmtId="49" fontId="25" fillId="2" borderId="38" xfId="1" applyNumberFormat="1" applyFont="1" applyFill="1" applyBorder="1" applyAlignment="1">
      <alignment horizontal="right" vertical="center" wrapText="1"/>
    </xf>
    <xf numFmtId="49" fontId="22" fillId="2" borderId="38" xfId="1" applyNumberFormat="1" applyFont="1" applyFill="1" applyBorder="1" applyAlignment="1">
      <alignment horizontal="center" vertical="center" wrapText="1"/>
    </xf>
    <xf numFmtId="49" fontId="22" fillId="2" borderId="56" xfId="1" applyNumberFormat="1" applyFont="1" applyFill="1" applyBorder="1" applyAlignment="1">
      <alignment horizontal="center" vertical="center" wrapText="1"/>
    </xf>
    <xf numFmtId="0" fontId="22" fillId="2" borderId="34" xfId="1" applyFont="1" applyFill="1" applyBorder="1" applyAlignment="1">
      <alignment horizontal="center" vertical="center" wrapText="1"/>
    </xf>
    <xf numFmtId="49" fontId="22" fillId="2" borderId="92" xfId="1" applyNumberFormat="1" applyFont="1" applyFill="1" applyBorder="1" applyAlignment="1">
      <alignment horizontal="left" vertical="center" wrapText="1"/>
    </xf>
    <xf numFmtId="0" fontId="22" fillId="2" borderId="24" xfId="1" applyFont="1" applyFill="1" applyBorder="1" applyAlignment="1">
      <alignment horizontal="center" vertical="center" textRotation="255" wrapText="1"/>
    </xf>
    <xf numFmtId="0" fontId="26" fillId="2" borderId="11" xfId="1" applyFont="1" applyFill="1" applyBorder="1" applyAlignment="1">
      <alignment horizontal="center" vertical="center" wrapText="1"/>
    </xf>
    <xf numFmtId="0" fontId="22" fillId="2" borderId="35" xfId="1" applyFont="1" applyFill="1" applyBorder="1" applyAlignment="1">
      <alignment horizontal="center" vertical="center" wrapText="1"/>
    </xf>
    <xf numFmtId="0" fontId="22" fillId="2" borderId="96" xfId="1" applyFont="1" applyFill="1" applyBorder="1" applyAlignment="1">
      <alignment horizontal="center" vertical="center" wrapText="1"/>
    </xf>
    <xf numFmtId="0" fontId="22" fillId="2" borderId="33" xfId="1" applyFont="1" applyFill="1" applyBorder="1" applyAlignment="1">
      <alignment horizontal="center" vertical="center" textRotation="255" wrapText="1"/>
    </xf>
    <xf numFmtId="0" fontId="22" fillId="2" borderId="97" xfId="1" applyFont="1" applyFill="1" applyBorder="1" applyAlignment="1">
      <alignment horizontal="center" vertical="center" wrapText="1"/>
    </xf>
    <xf numFmtId="0" fontId="22" fillId="2" borderId="98" xfId="1" applyFont="1" applyFill="1" applyBorder="1" applyAlignment="1">
      <alignment horizontal="left" vertical="center" wrapText="1"/>
    </xf>
    <xf numFmtId="0" fontId="22" fillId="2" borderId="38" xfId="1" applyFont="1" applyFill="1" applyBorder="1" applyAlignment="1">
      <alignment horizontal="left" vertical="center" wrapText="1"/>
    </xf>
    <xf numFmtId="0" fontId="22" fillId="2" borderId="99" xfId="1" applyFont="1" applyFill="1" applyBorder="1" applyAlignment="1">
      <alignment horizontal="left" vertical="center" wrapText="1"/>
    </xf>
    <xf numFmtId="0" fontId="22" fillId="2" borderId="6" xfId="1" applyFont="1" applyFill="1" applyBorder="1" applyAlignment="1">
      <alignment horizontal="center" vertical="center" wrapText="1"/>
    </xf>
    <xf numFmtId="0" fontId="25" fillId="2" borderId="0" xfId="1" applyFont="1" applyFill="1" applyAlignment="1">
      <alignment horizontal="center" vertical="center"/>
    </xf>
    <xf numFmtId="49" fontId="22" fillId="2" borderId="0" xfId="1" applyNumberFormat="1" applyFont="1" applyFill="1" applyAlignment="1">
      <alignment horizontal="center" vertical="center" wrapText="1"/>
    </xf>
    <xf numFmtId="0" fontId="22" fillId="2" borderId="0" xfId="1" applyFont="1" applyFill="1" applyAlignment="1">
      <alignment horizontal="center" vertical="center" wrapText="1"/>
    </xf>
    <xf numFmtId="0" fontId="27" fillId="2" borderId="0" xfId="1" applyFont="1" applyFill="1" applyAlignment="1">
      <alignment horizontal="left" vertical="top"/>
    </xf>
    <xf numFmtId="0" fontId="22" fillId="2" borderId="19" xfId="1" applyFont="1" applyFill="1" applyBorder="1" applyAlignment="1">
      <alignment vertical="center" wrapText="1"/>
    </xf>
    <xf numFmtId="0" fontId="22" fillId="2" borderId="97" xfId="1" applyFont="1" applyFill="1" applyBorder="1" applyAlignment="1">
      <alignment horizontal="left" vertical="center" wrapText="1"/>
    </xf>
    <xf numFmtId="0" fontId="22" fillId="2" borderId="10" xfId="1" applyFont="1" applyFill="1" applyBorder="1" applyAlignment="1">
      <alignment horizontal="center" vertical="center" wrapText="1"/>
    </xf>
    <xf numFmtId="0" fontId="22" fillId="2" borderId="18" xfId="1" applyFont="1" applyFill="1" applyBorder="1" applyAlignment="1">
      <alignment horizontal="left" vertical="center" wrapText="1"/>
    </xf>
    <xf numFmtId="0" fontId="22" fillId="2" borderId="0" xfId="1" applyFont="1" applyFill="1" applyAlignment="1">
      <alignment horizontal="left" vertical="center" wrapText="1"/>
    </xf>
    <xf numFmtId="0" fontId="22" fillId="2" borderId="19" xfId="1" applyFont="1" applyFill="1" applyBorder="1" applyAlignment="1">
      <alignment horizontal="left" vertical="center" wrapText="1"/>
    </xf>
    <xf numFmtId="176" fontId="22" fillId="2" borderId="98" xfId="1" applyNumberFormat="1" applyFont="1" applyFill="1" applyBorder="1" applyAlignment="1">
      <alignment horizontal="left" vertical="center" wrapText="1"/>
    </xf>
    <xf numFmtId="176" fontId="22" fillId="2" borderId="38" xfId="1" applyNumberFormat="1" applyFont="1" applyFill="1" applyBorder="1" applyAlignment="1">
      <alignment horizontal="left" vertical="center" wrapText="1"/>
    </xf>
    <xf numFmtId="176" fontId="22" fillId="2" borderId="97" xfId="1" applyNumberFormat="1" applyFont="1" applyFill="1" applyBorder="1" applyAlignment="1">
      <alignment horizontal="left" vertical="center" wrapText="1"/>
    </xf>
    <xf numFmtId="0" fontId="22" fillId="2" borderId="13" xfId="1" applyFont="1" applyFill="1" applyBorder="1" applyAlignment="1">
      <alignment horizontal="center" vertical="center" wrapText="1"/>
    </xf>
    <xf numFmtId="0" fontId="28" fillId="0" borderId="15" xfId="1" applyFont="1" applyFill="1" applyBorder="1" applyAlignment="1">
      <alignment horizontal="center" vertical="center" wrapText="1"/>
    </xf>
    <xf numFmtId="0" fontId="28" fillId="0" borderId="10" xfId="1" applyFont="1" applyFill="1" applyBorder="1" applyAlignment="1">
      <alignment horizontal="left" vertical="center" wrapText="1"/>
    </xf>
    <xf numFmtId="0" fontId="28" fillId="0" borderId="100" xfId="1" applyFont="1" applyFill="1" applyBorder="1" applyAlignment="1">
      <alignment horizontal="left" vertical="center" wrapText="1"/>
    </xf>
    <xf numFmtId="0" fontId="9" fillId="0" borderId="20" xfId="1" applyFont="1" applyFill="1" applyBorder="1" applyAlignment="1">
      <alignment vertical="center"/>
    </xf>
    <xf numFmtId="0" fontId="9" fillId="0" borderId="22" xfId="1" applyFont="1" applyFill="1" applyBorder="1" applyAlignment="1">
      <alignment vertical="center"/>
    </xf>
    <xf numFmtId="0" fontId="9" fillId="0" borderId="21" xfId="1" applyFont="1" applyFill="1" applyBorder="1" applyAlignment="1">
      <alignment vertical="center"/>
    </xf>
    <xf numFmtId="0" fontId="9" fillId="0" borderId="23" xfId="1" applyFont="1" applyFill="1" applyBorder="1" applyAlignment="1">
      <alignment horizontal="center" vertical="center" wrapText="1"/>
    </xf>
    <xf numFmtId="14" fontId="5" fillId="2" borderId="0" xfId="1" applyNumberFormat="1" applyFont="1" applyFill="1" applyAlignment="1">
      <alignment horizontal="left" vertical="top"/>
    </xf>
    <xf numFmtId="0" fontId="16" fillId="0" borderId="101" xfId="1" applyFont="1" applyFill="1" applyBorder="1" applyAlignment="1">
      <alignment horizontal="center" vertical="center" wrapText="1"/>
    </xf>
    <xf numFmtId="0" fontId="16" fillId="0" borderId="27" xfId="1" applyFont="1" applyFill="1" applyBorder="1" applyAlignment="1">
      <alignment horizontal="center" vertical="center" wrapText="1"/>
    </xf>
    <xf numFmtId="0" fontId="16" fillId="0" borderId="85" xfId="1" applyFont="1" applyFill="1" applyBorder="1" applyAlignment="1">
      <alignment horizontal="center" vertical="center" wrapText="1"/>
    </xf>
    <xf numFmtId="0" fontId="9" fillId="0" borderId="45" xfId="1" applyFont="1" applyFill="1" applyBorder="1" applyAlignment="1">
      <alignment horizontal="center" vertical="center" wrapText="1"/>
    </xf>
    <xf numFmtId="0" fontId="9" fillId="0" borderId="46" xfId="1" applyFont="1" applyFill="1" applyBorder="1" applyAlignment="1">
      <alignment horizontal="center" vertical="center" wrapText="1"/>
    </xf>
    <xf numFmtId="0" fontId="9" fillId="0" borderId="47" xfId="1" applyFont="1" applyFill="1" applyBorder="1" applyAlignment="1">
      <alignment horizontal="center" vertical="center" wrapText="1"/>
    </xf>
    <xf numFmtId="0" fontId="16" fillId="0" borderId="7" xfId="1" applyFont="1" applyFill="1" applyBorder="1" applyAlignment="1">
      <alignment horizontal="center" vertical="center" wrapText="1"/>
    </xf>
    <xf numFmtId="0" fontId="16" fillId="0" borderId="8" xfId="1" applyFont="1" applyFill="1" applyBorder="1" applyAlignment="1">
      <alignment horizontal="center" vertical="center" wrapText="1"/>
    </xf>
    <xf numFmtId="0" fontId="16" fillId="0" borderId="32" xfId="1" applyFont="1" applyFill="1" applyBorder="1" applyAlignment="1">
      <alignment horizontal="center" vertical="center" wrapText="1"/>
    </xf>
    <xf numFmtId="0" fontId="9" fillId="0" borderId="48" xfId="1" applyFont="1" applyFill="1" applyBorder="1" applyAlignment="1">
      <alignment horizontal="center" vertical="center" wrapText="1"/>
    </xf>
    <xf numFmtId="0" fontId="9" fillId="0" borderId="49" xfId="1" applyFont="1" applyFill="1" applyBorder="1" applyAlignment="1">
      <alignment horizontal="center" vertical="center" wrapText="1"/>
    </xf>
    <xf numFmtId="0" fontId="9" fillId="0" borderId="50" xfId="1" applyFont="1" applyFill="1" applyBorder="1" applyAlignment="1">
      <alignment horizontal="center" vertical="center" wrapText="1"/>
    </xf>
    <xf numFmtId="0" fontId="22" fillId="5" borderId="102" xfId="1" applyFont="1" applyFill="1" applyBorder="1" applyAlignment="1">
      <alignment horizontal="left" vertical="center"/>
    </xf>
    <xf numFmtId="0" fontId="26" fillId="5" borderId="22" xfId="1" applyFont="1" applyFill="1" applyBorder="1" applyAlignment="1">
      <alignment horizontal="left" vertical="top"/>
    </xf>
    <xf numFmtId="0" fontId="26" fillId="5" borderId="23" xfId="1" applyFont="1" applyFill="1" applyBorder="1" applyAlignment="1">
      <alignment horizontal="left" vertical="top"/>
    </xf>
    <xf numFmtId="0" fontId="22" fillId="0" borderId="71" xfId="1" applyFont="1" applyBorder="1" applyAlignment="1">
      <alignment horizontal="center" vertical="center"/>
    </xf>
    <xf numFmtId="0" fontId="22" fillId="0" borderId="10" xfId="1" applyFont="1" applyBorder="1" applyAlignment="1">
      <alignment horizontal="center" vertical="center"/>
    </xf>
    <xf numFmtId="0" fontId="22" fillId="0" borderId="20" xfId="1" applyFont="1" applyBorder="1" applyAlignment="1">
      <alignment horizontal="center" vertical="center"/>
    </xf>
    <xf numFmtId="0" fontId="22" fillId="0" borderId="22" xfId="1" applyFont="1" applyBorder="1" applyAlignment="1">
      <alignment horizontal="center" vertical="center"/>
    </xf>
    <xf numFmtId="0" fontId="22" fillId="0" borderId="23" xfId="1" applyFont="1" applyBorder="1" applyAlignment="1">
      <alignment horizontal="center" vertical="center"/>
    </xf>
    <xf numFmtId="0" fontId="5" fillId="0" borderId="0" xfId="1" applyFont="1" applyAlignment="1">
      <alignment horizontal="left" vertical="top"/>
    </xf>
    <xf numFmtId="0" fontId="28" fillId="0" borderId="71" xfId="1" applyFont="1" applyFill="1" applyBorder="1" applyAlignment="1">
      <alignment horizontal="center" vertical="center"/>
    </xf>
    <xf numFmtId="0" fontId="28" fillId="0" borderId="10" xfId="1" applyFont="1" applyFill="1" applyBorder="1" applyAlignment="1">
      <alignment horizontal="center" vertical="center"/>
    </xf>
    <xf numFmtId="0" fontId="28" fillId="0" borderId="13" xfId="1" applyFont="1" applyFill="1" applyBorder="1" applyAlignment="1">
      <alignment horizontal="center" vertical="center"/>
    </xf>
    <xf numFmtId="0" fontId="22" fillId="0" borderId="27" xfId="1" applyFont="1" applyBorder="1" applyAlignment="1">
      <alignment horizontal="center" vertical="center"/>
    </xf>
    <xf numFmtId="0" fontId="29" fillId="0" borderId="27" xfId="1" applyFont="1" applyBorder="1" applyAlignment="1">
      <alignment horizontal="left" vertical="top"/>
    </xf>
    <xf numFmtId="0" fontId="26" fillId="0" borderId="22" xfId="1" applyFont="1" applyBorder="1" applyAlignment="1">
      <alignment horizontal="center" vertical="top"/>
    </xf>
    <xf numFmtId="0" fontId="26" fillId="0" borderId="23" xfId="1" applyFont="1" applyBorder="1" applyAlignment="1">
      <alignment horizontal="center" vertical="top"/>
    </xf>
    <xf numFmtId="0" fontId="22" fillId="2" borderId="84" xfId="1" applyFont="1" applyFill="1" applyBorder="1" applyAlignment="1">
      <alignment horizontal="center" vertical="center" wrapText="1"/>
    </xf>
    <xf numFmtId="0" fontId="22" fillId="2" borderId="27" xfId="1" applyFont="1" applyFill="1" applyBorder="1" applyAlignment="1">
      <alignment horizontal="center" vertical="center" wrapText="1"/>
    </xf>
    <xf numFmtId="0" fontId="8" fillId="2" borderId="10" xfId="1" applyFont="1" applyFill="1" applyBorder="1" applyAlignment="1">
      <alignment horizontal="center" vertical="center" wrapText="1"/>
    </xf>
    <xf numFmtId="0" fontId="27" fillId="2" borderId="101" xfId="1" applyFont="1" applyFill="1" applyBorder="1" applyAlignment="1">
      <alignment horizontal="center" vertical="top"/>
    </xf>
    <xf numFmtId="0" fontId="27" fillId="2" borderId="103" xfId="1" applyFont="1" applyFill="1" applyBorder="1" applyAlignment="1">
      <alignment horizontal="center" vertical="top"/>
    </xf>
    <xf numFmtId="0" fontId="22" fillId="2" borderId="54" xfId="1" applyFont="1" applyFill="1" applyBorder="1" applyAlignment="1">
      <alignment horizontal="center" vertical="center" wrapText="1"/>
    </xf>
    <xf numFmtId="0" fontId="27" fillId="2" borderId="18" xfId="1" applyFont="1" applyFill="1" applyBorder="1" applyAlignment="1">
      <alignment horizontal="center" vertical="top"/>
    </xf>
    <xf numFmtId="0" fontId="27" fillId="2" borderId="19" xfId="1" applyFont="1" applyFill="1" applyBorder="1" applyAlignment="1">
      <alignment horizontal="center" vertical="top"/>
    </xf>
    <xf numFmtId="0" fontId="27" fillId="2" borderId="54" xfId="1" applyFont="1" applyFill="1" applyBorder="1" applyAlignment="1">
      <alignment horizontal="left" vertical="top"/>
    </xf>
    <xf numFmtId="0" fontId="22" fillId="2" borderId="20"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27" fillId="2" borderId="86" xfId="1" applyFont="1" applyFill="1" applyBorder="1" applyAlignment="1">
      <alignment horizontal="left" vertical="top"/>
    </xf>
    <xf numFmtId="0" fontId="22" fillId="2" borderId="73" xfId="1" applyFont="1" applyFill="1" applyBorder="1" applyAlignment="1">
      <alignment horizontal="center" vertical="center" wrapText="1"/>
    </xf>
    <xf numFmtId="0" fontId="22" fillId="2" borderId="74" xfId="1" applyFont="1" applyFill="1" applyBorder="1" applyAlignment="1">
      <alignment horizontal="center" vertical="center" wrapText="1"/>
    </xf>
    <xf numFmtId="0" fontId="5" fillId="2" borderId="73" xfId="1" applyFont="1" applyFill="1" applyBorder="1" applyAlignment="1">
      <alignment horizontal="center" vertical="center" wrapText="1"/>
    </xf>
    <xf numFmtId="0" fontId="27" fillId="2" borderId="90" xfId="1" applyFont="1" applyFill="1" applyBorder="1" applyAlignment="1">
      <alignment horizontal="center" vertical="top"/>
    </xf>
    <xf numFmtId="0" fontId="27" fillId="2" borderId="91" xfId="1" applyFont="1" applyFill="1" applyBorder="1" applyAlignment="1">
      <alignment horizontal="center" vertical="top"/>
    </xf>
    <xf numFmtId="0" fontId="21" fillId="2" borderId="68" xfId="1" applyFont="1" applyFill="1" applyBorder="1" applyAlignment="1">
      <alignment horizontal="left"/>
    </xf>
    <xf numFmtId="0" fontId="22" fillId="2" borderId="81" xfId="1" applyFont="1" applyFill="1" applyBorder="1" applyAlignment="1">
      <alignment horizontal="center" vertical="top" wrapText="1"/>
    </xf>
    <xf numFmtId="0" fontId="22" fillId="2" borderId="104" xfId="1" applyFont="1" applyFill="1" applyBorder="1" applyAlignment="1">
      <alignment horizontal="center" vertical="top" wrapText="1"/>
    </xf>
    <xf numFmtId="0" fontId="22" fillId="2" borderId="105" xfId="1" applyFont="1" applyFill="1" applyBorder="1" applyAlignment="1">
      <alignment horizontal="left" vertical="center" wrapText="1"/>
    </xf>
    <xf numFmtId="0" fontId="22" fillId="2" borderId="81" xfId="1" applyFont="1" applyFill="1" applyBorder="1" applyAlignment="1">
      <alignment horizontal="left" vertical="center" wrapText="1"/>
    </xf>
    <xf numFmtId="0" fontId="22" fillId="2" borderId="82" xfId="1" applyFont="1" applyFill="1" applyBorder="1" applyAlignment="1">
      <alignment horizontal="left" vertical="center" wrapText="1"/>
    </xf>
    <xf numFmtId="0" fontId="26" fillId="2" borderId="106" xfId="1" applyFont="1" applyFill="1" applyBorder="1" applyAlignment="1">
      <alignment horizontal="center" vertical="center" textRotation="255" wrapText="1"/>
    </xf>
    <xf numFmtId="0" fontId="26" fillId="2" borderId="87" xfId="1" applyFont="1" applyFill="1" applyBorder="1" applyAlignment="1">
      <alignment horizontal="center" vertical="center" wrapText="1"/>
    </xf>
    <xf numFmtId="0" fontId="22" fillId="2" borderId="107" xfId="1" applyFont="1" applyFill="1" applyBorder="1" applyAlignment="1">
      <alignment horizontal="center" vertical="center" wrapText="1"/>
    </xf>
    <xf numFmtId="0" fontId="22" fillId="2" borderId="108" xfId="1" applyFont="1" applyFill="1" applyBorder="1" applyAlignment="1">
      <alignment horizontal="center" vertical="center" wrapText="1"/>
    </xf>
    <xf numFmtId="49" fontId="22" fillId="2" borderId="109" xfId="1" applyNumberFormat="1" applyFont="1" applyFill="1" applyBorder="1" applyAlignment="1">
      <alignment horizontal="left" vertical="center" wrapText="1"/>
    </xf>
    <xf numFmtId="49" fontId="22" fillId="2" borderId="110" xfId="1" applyNumberFormat="1" applyFont="1" applyFill="1" applyBorder="1" applyAlignment="1">
      <alignment horizontal="left" vertical="center" wrapText="1"/>
    </xf>
    <xf numFmtId="49" fontId="22" fillId="2" borderId="111" xfId="1" applyNumberFormat="1" applyFont="1" applyFill="1" applyBorder="1" applyAlignment="1">
      <alignment horizontal="left" vertical="center" wrapText="1"/>
    </xf>
    <xf numFmtId="0" fontId="30" fillId="2" borderId="0" xfId="1" applyFont="1" applyFill="1" applyAlignment="1">
      <alignment horizontal="center" vertical="center" textRotation="255" wrapText="1"/>
    </xf>
    <xf numFmtId="0" fontId="31" fillId="2" borderId="0" xfId="1" applyFont="1" applyFill="1" applyAlignment="1">
      <alignment horizontal="left" vertical="center" wrapText="1"/>
    </xf>
    <xf numFmtId="0" fontId="31" fillId="2" borderId="0" xfId="1" applyFont="1" applyFill="1" applyAlignment="1">
      <alignment horizontal="left" vertical="center" wrapText="1" indent="6"/>
    </xf>
    <xf numFmtId="0" fontId="6" fillId="2" borderId="0" xfId="1" applyFont="1" applyFill="1" applyAlignment="1">
      <alignment horizontal="left" vertical="top"/>
    </xf>
    <xf numFmtId="0" fontId="5" fillId="2" borderId="0" xfId="1" applyFont="1" applyFill="1" applyAlignment="1">
      <alignment horizontal="justify" vertical="top" wrapText="1"/>
    </xf>
    <xf numFmtId="0" fontId="6" fillId="2" borderId="0" xfId="1" applyFont="1" applyFill="1" applyAlignment="1">
      <alignment horizontal="left" vertical="top" indent="6"/>
    </xf>
    <xf numFmtId="0" fontId="6" fillId="2" borderId="0" xfId="1" applyFont="1" applyFill="1" applyAlignment="1">
      <alignment horizontal="left" vertical="top" indent="4"/>
    </xf>
    <xf numFmtId="0" fontId="22" fillId="2" borderId="0" xfId="1" applyFont="1" applyFill="1" applyAlignment="1">
      <alignment horizontal="left" vertical="top" indent="7"/>
    </xf>
    <xf numFmtId="0" fontId="22" fillId="2" borderId="0" xfId="1" applyFont="1" applyFill="1" applyAlignment="1">
      <alignment vertical="top" wrapText="1"/>
    </xf>
    <xf numFmtId="0" fontId="27" fillId="2" borderId="0" xfId="1" applyFont="1" applyFill="1" applyAlignment="1">
      <alignment horizontal="left" vertical="top" indent="3"/>
    </xf>
    <xf numFmtId="0" fontId="32" fillId="2" borderId="0" xfId="1" applyFont="1" applyFill="1" applyAlignment="1">
      <alignment horizontal="left" vertical="top" wrapText="1"/>
    </xf>
    <xf numFmtId="0" fontId="32" fillId="2" borderId="0" xfId="1" applyFont="1" applyFill="1" applyAlignment="1">
      <alignment horizontal="left"/>
    </xf>
    <xf numFmtId="0" fontId="32" fillId="2" borderId="87" xfId="1" applyFont="1" applyFill="1" applyBorder="1" applyAlignment="1">
      <alignment horizontal="left"/>
    </xf>
    <xf numFmtId="0" fontId="28" fillId="2" borderId="1" xfId="1" applyFont="1" applyFill="1" applyBorder="1" applyAlignment="1">
      <alignment horizontal="center" vertical="center" textRotation="255" wrapText="1"/>
    </xf>
    <xf numFmtId="0" fontId="28" fillId="2" borderId="81" xfId="1" applyFont="1" applyFill="1" applyBorder="1" applyAlignment="1">
      <alignment horizontal="center" vertical="top" wrapText="1"/>
    </xf>
    <xf numFmtId="0" fontId="28" fillId="2" borderId="104" xfId="1" applyFont="1" applyFill="1" applyBorder="1" applyAlignment="1">
      <alignment horizontal="center" vertical="top" wrapText="1"/>
    </xf>
    <xf numFmtId="0" fontId="28" fillId="2" borderId="105" xfId="1" applyFont="1" applyFill="1" applyBorder="1" applyAlignment="1">
      <alignment horizontal="left" vertical="center" wrapText="1"/>
    </xf>
    <xf numFmtId="0" fontId="28" fillId="2" borderId="81" xfId="1" applyFont="1" applyFill="1" applyBorder="1" applyAlignment="1">
      <alignment horizontal="left" vertical="center" wrapText="1"/>
    </xf>
    <xf numFmtId="0" fontId="28" fillId="2" borderId="82" xfId="1" applyFont="1" applyFill="1" applyBorder="1" applyAlignment="1">
      <alignment horizontal="left" vertical="center" wrapText="1"/>
    </xf>
    <xf numFmtId="0" fontId="28" fillId="2" borderId="5" xfId="1" applyFont="1" applyFill="1" applyBorder="1" applyAlignment="1">
      <alignment horizontal="center" vertical="center" textRotation="255" wrapText="1"/>
    </xf>
    <xf numFmtId="0" fontId="28" fillId="2" borderId="38" xfId="1" applyFont="1" applyFill="1" applyBorder="1" applyAlignment="1">
      <alignment horizontal="center" vertical="center" wrapText="1"/>
    </xf>
    <xf numFmtId="0" fontId="28" fillId="2" borderId="56" xfId="1" applyFont="1" applyFill="1" applyBorder="1" applyAlignment="1">
      <alignment horizontal="center" vertical="center" wrapText="1"/>
    </xf>
    <xf numFmtId="0" fontId="33" fillId="2" borderId="34" xfId="1" applyFont="1" applyFill="1" applyBorder="1" applyAlignment="1">
      <alignment horizontal="left" vertical="center" wrapText="1"/>
    </xf>
    <xf numFmtId="0" fontId="33" fillId="2" borderId="38" xfId="1" applyFont="1" applyFill="1" applyBorder="1" applyAlignment="1">
      <alignment horizontal="left" vertical="center" wrapText="1"/>
    </xf>
    <xf numFmtId="0" fontId="33" fillId="2" borderId="92" xfId="1" applyFont="1" applyFill="1" applyBorder="1" applyAlignment="1">
      <alignment horizontal="left" vertical="center" wrapText="1"/>
    </xf>
    <xf numFmtId="0" fontId="28" fillId="2" borderId="14" xfId="1" applyFont="1" applyFill="1" applyBorder="1" applyAlignment="1">
      <alignment horizontal="center" vertical="center" wrapText="1"/>
    </xf>
    <xf numFmtId="0" fontId="28" fillId="2" borderId="15" xfId="1" applyFont="1" applyFill="1" applyBorder="1" applyAlignment="1">
      <alignment horizontal="center" vertical="center" wrapText="1"/>
    </xf>
    <xf numFmtId="0" fontId="28" fillId="2" borderId="53" xfId="1" applyFont="1" applyFill="1" applyBorder="1" applyAlignment="1">
      <alignment horizontal="center" vertical="center" wrapText="1"/>
    </xf>
    <xf numFmtId="0" fontId="28" fillId="2" borderId="41" xfId="1" applyFont="1" applyFill="1" applyBorder="1" applyAlignment="1">
      <alignment horizontal="center" vertical="center" wrapText="1"/>
    </xf>
    <xf numFmtId="49" fontId="28" fillId="2" borderId="15" xfId="1" applyNumberFormat="1" applyFont="1" applyFill="1" applyBorder="1" applyAlignment="1">
      <alignment horizontal="center" vertical="center" wrapText="1"/>
    </xf>
    <xf numFmtId="0" fontId="28" fillId="2" borderId="15" xfId="1" applyFont="1" applyFill="1" applyBorder="1" applyAlignment="1">
      <alignment vertical="center" wrapText="1"/>
    </xf>
    <xf numFmtId="0" fontId="28" fillId="2" borderId="16" xfId="1" applyFont="1" applyFill="1" applyBorder="1" applyAlignment="1">
      <alignment horizontal="center" vertical="center" wrapText="1"/>
    </xf>
    <xf numFmtId="0" fontId="28" fillId="2" borderId="18" xfId="1" applyFont="1" applyFill="1" applyBorder="1" applyAlignment="1">
      <alignment horizontal="center" vertical="center" wrapText="1"/>
    </xf>
    <xf numFmtId="0" fontId="28" fillId="2" borderId="0" xfId="1" applyFont="1" applyFill="1" applyAlignment="1">
      <alignment horizontal="center" vertical="center" wrapText="1"/>
    </xf>
    <xf numFmtId="0" fontId="28" fillId="2" borderId="55" xfId="1" applyFont="1" applyFill="1" applyBorder="1" applyAlignment="1">
      <alignment horizontal="center" vertical="center" wrapText="1"/>
    </xf>
    <xf numFmtId="0" fontId="34" fillId="2" borderId="43" xfId="3" applyFont="1" applyFill="1" applyBorder="1" applyAlignment="1">
      <alignment horizontal="left" vertical="center" wrapText="1"/>
    </xf>
    <xf numFmtId="0" fontId="34" fillId="2" borderId="0" xfId="3" applyFont="1" applyFill="1" applyAlignment="1">
      <alignment horizontal="left" vertical="center" wrapText="1"/>
    </xf>
    <xf numFmtId="0" fontId="34" fillId="2" borderId="0" xfId="3" applyFont="1" applyFill="1" applyAlignment="1">
      <alignment horizontal="center" vertical="center" wrapText="1"/>
    </xf>
    <xf numFmtId="0" fontId="34" fillId="2" borderId="0" xfId="3" applyFont="1" applyFill="1" applyAlignment="1">
      <alignment horizontal="left" vertical="center" wrapText="1"/>
    </xf>
    <xf numFmtId="0" fontId="34" fillId="2" borderId="19" xfId="3" applyFont="1" applyFill="1" applyBorder="1" applyAlignment="1">
      <alignment horizontal="left" vertical="center" wrapText="1"/>
    </xf>
    <xf numFmtId="0" fontId="28" fillId="2" borderId="93" xfId="1" applyFont="1" applyFill="1" applyBorder="1" applyAlignment="1">
      <alignment horizontal="center" vertical="center" wrapText="1"/>
    </xf>
    <xf numFmtId="0" fontId="28" fillId="2" borderId="11" xfId="1" applyFont="1" applyFill="1" applyBorder="1" applyAlignment="1">
      <alignment horizontal="center" vertical="center" wrapText="1"/>
    </xf>
    <xf numFmtId="0" fontId="28" fillId="2" borderId="58" xfId="1" applyFont="1" applyFill="1" applyBorder="1" applyAlignment="1">
      <alignment horizontal="center" vertical="center" wrapText="1"/>
    </xf>
    <xf numFmtId="0" fontId="28" fillId="2" borderId="57" xfId="1" applyFont="1" applyFill="1" applyBorder="1" applyAlignment="1">
      <alignment horizontal="left" vertical="center" wrapText="1"/>
    </xf>
    <xf numFmtId="0" fontId="28" fillId="2" borderId="11" xfId="1" applyFont="1" applyFill="1" applyBorder="1" applyAlignment="1">
      <alignment horizontal="left" vertical="center" wrapText="1"/>
    </xf>
    <xf numFmtId="0" fontId="28" fillId="2" borderId="12" xfId="1" applyFont="1" applyFill="1" applyBorder="1" applyAlignment="1">
      <alignment horizontal="left" vertical="center" wrapText="1"/>
    </xf>
    <xf numFmtId="0" fontId="28" fillId="2" borderId="94" xfId="1" applyFont="1" applyFill="1" applyBorder="1" applyAlignment="1">
      <alignment horizontal="center" vertical="center" wrapText="1"/>
    </xf>
    <xf numFmtId="0" fontId="28" fillId="2" borderId="95" xfId="1" applyFont="1" applyFill="1" applyBorder="1" applyAlignment="1">
      <alignment horizontal="center" vertical="center" wrapText="1"/>
    </xf>
    <xf numFmtId="49" fontId="28" fillId="2" borderId="34" xfId="1" applyNumberFormat="1" applyFont="1" applyFill="1" applyBorder="1" applyAlignment="1">
      <alignment horizontal="left" vertical="center" wrapText="1"/>
    </xf>
    <xf numFmtId="49" fontId="28" fillId="2" borderId="38" xfId="1" applyNumberFormat="1" applyFont="1" applyFill="1" applyBorder="1" applyAlignment="1">
      <alignment horizontal="left" vertical="center" wrapText="1"/>
    </xf>
    <xf numFmtId="49" fontId="35" fillId="2" borderId="38" xfId="1" applyNumberFormat="1" applyFont="1" applyFill="1" applyBorder="1" applyAlignment="1">
      <alignment horizontal="right" vertical="center" wrapText="1"/>
    </xf>
    <xf numFmtId="49" fontId="28" fillId="2" borderId="38" xfId="1" applyNumberFormat="1" applyFont="1" applyFill="1" applyBorder="1" applyAlignment="1">
      <alignment horizontal="center" vertical="center" wrapText="1"/>
    </xf>
    <xf numFmtId="49" fontId="28" fillId="2" borderId="56" xfId="1" applyNumberFormat="1" applyFont="1" applyFill="1" applyBorder="1" applyAlignment="1">
      <alignment horizontal="center" vertical="center" wrapText="1"/>
    </xf>
    <xf numFmtId="0" fontId="28" fillId="2" borderId="34" xfId="1" applyFont="1" applyFill="1" applyBorder="1" applyAlignment="1">
      <alignment horizontal="center" vertical="center" wrapText="1"/>
    </xf>
    <xf numFmtId="49" fontId="28" fillId="2" borderId="92" xfId="1" applyNumberFormat="1" applyFont="1" applyFill="1" applyBorder="1" applyAlignment="1">
      <alignment horizontal="left" vertical="center" wrapText="1"/>
    </xf>
    <xf numFmtId="0" fontId="36" fillId="2" borderId="106" xfId="1" applyFont="1" applyFill="1" applyBorder="1" applyAlignment="1">
      <alignment horizontal="center" vertical="center" textRotation="255" wrapText="1"/>
    </xf>
    <xf numFmtId="0" fontId="36" fillId="2" borderId="87" xfId="1" applyFont="1" applyFill="1" applyBorder="1" applyAlignment="1">
      <alignment horizontal="center" vertical="center" wrapText="1"/>
    </xf>
    <xf numFmtId="0" fontId="28" fillId="2" borderId="107" xfId="1" applyFont="1" applyFill="1" applyBorder="1" applyAlignment="1">
      <alignment horizontal="center" vertical="center" wrapText="1"/>
    </xf>
    <xf numFmtId="0" fontId="28" fillId="2" borderId="108" xfId="1" applyFont="1" applyFill="1" applyBorder="1" applyAlignment="1">
      <alignment horizontal="center" vertical="center" wrapText="1"/>
    </xf>
    <xf numFmtId="49" fontId="28" fillId="2" borderId="109" xfId="1" applyNumberFormat="1" applyFont="1" applyFill="1" applyBorder="1" applyAlignment="1">
      <alignment horizontal="left" vertical="center" wrapText="1"/>
    </xf>
    <xf numFmtId="49" fontId="28" fillId="2" borderId="110" xfId="1" applyNumberFormat="1" applyFont="1" applyFill="1" applyBorder="1" applyAlignment="1">
      <alignment horizontal="left" vertical="center" wrapText="1"/>
    </xf>
    <xf numFmtId="49" fontId="28" fillId="2" borderId="111" xfId="1" applyNumberFormat="1" applyFont="1" applyFill="1" applyBorder="1" applyAlignment="1">
      <alignment horizontal="left" vertical="center" wrapText="1"/>
    </xf>
    <xf numFmtId="0" fontId="37" fillId="2" borderId="0" xfId="1" applyFont="1" applyFill="1" applyAlignment="1">
      <alignment horizontal="center" vertical="center" textRotation="255" wrapText="1"/>
    </xf>
    <xf numFmtId="0" fontId="38" fillId="2" borderId="0" xfId="1" applyFont="1" applyFill="1" applyAlignment="1">
      <alignment horizontal="left" vertical="center" wrapText="1"/>
    </xf>
    <xf numFmtId="0" fontId="38" fillId="2" borderId="0" xfId="1" applyFont="1" applyFill="1" applyAlignment="1">
      <alignment horizontal="left" vertical="center" wrapText="1" indent="6"/>
    </xf>
    <xf numFmtId="0" fontId="28" fillId="2" borderId="0" xfId="1" applyFont="1" applyFill="1" applyAlignment="1">
      <alignment horizontal="left" vertical="top" indent="7"/>
    </xf>
    <xf numFmtId="0" fontId="28" fillId="2" borderId="0" xfId="1" applyFont="1" applyFill="1" applyAlignment="1">
      <alignment vertical="top" wrapText="1"/>
    </xf>
    <xf numFmtId="0" fontId="39" fillId="2" borderId="0" xfId="1" applyFont="1" applyFill="1" applyAlignment="1">
      <alignment horizontal="left" vertical="top"/>
    </xf>
    <xf numFmtId="0" fontId="39" fillId="2" borderId="0" xfId="1" applyFont="1" applyFill="1" applyAlignment="1">
      <alignment horizontal="left" vertical="top" indent="3"/>
    </xf>
    <xf numFmtId="0" fontId="40" fillId="2" borderId="0" xfId="1" applyFont="1" applyFill="1" applyAlignment="1">
      <alignment horizontal="left" vertical="top"/>
    </xf>
    <xf numFmtId="0" fontId="6" fillId="2" borderId="112" xfId="1" applyFont="1" applyFill="1" applyBorder="1" applyAlignment="1">
      <alignment horizontal="center" vertical="center" textRotation="255" wrapText="1"/>
    </xf>
    <xf numFmtId="0" fontId="6" fillId="2" borderId="113" xfId="1" applyFont="1" applyFill="1" applyBorder="1" applyAlignment="1">
      <alignment horizontal="center" vertical="center"/>
    </xf>
    <xf numFmtId="0" fontId="6" fillId="2" borderId="114" xfId="1" applyFont="1" applyFill="1" applyBorder="1" applyAlignment="1">
      <alignment horizontal="center" vertical="center"/>
    </xf>
    <xf numFmtId="49" fontId="7" fillId="0" borderId="113" xfId="1" applyNumberFormat="1" applyFont="1" applyBorder="1" applyAlignment="1">
      <alignment horizontal="left" vertical="top"/>
    </xf>
    <xf numFmtId="49" fontId="7" fillId="0" borderId="114" xfId="1" applyNumberFormat="1" applyFont="1" applyBorder="1" applyAlignment="1">
      <alignment horizontal="left" vertical="top"/>
    </xf>
    <xf numFmtId="49" fontId="7" fillId="0" borderId="115" xfId="1" applyNumberFormat="1" applyFont="1" applyBorder="1" applyAlignment="1">
      <alignment horizontal="left" vertical="top"/>
    </xf>
    <xf numFmtId="0" fontId="6" fillId="2" borderId="40" xfId="1" applyFont="1" applyFill="1" applyBorder="1" applyAlignment="1">
      <alignment horizontal="center" vertical="center" textRotation="255" wrapText="1"/>
    </xf>
    <xf numFmtId="0" fontId="6" fillId="2" borderId="11" xfId="1" applyFont="1" applyFill="1" applyBorder="1" applyAlignment="1">
      <alignment horizontal="center" vertical="center" wrapText="1"/>
    </xf>
    <xf numFmtId="0" fontId="6" fillId="2" borderId="57" xfId="1" applyFont="1" applyFill="1" applyBorder="1" applyAlignment="1">
      <alignment horizontal="left" vertical="center" wrapText="1"/>
    </xf>
    <xf numFmtId="0" fontId="6" fillId="2" borderId="11" xfId="1" applyFont="1" applyFill="1" applyBorder="1" applyAlignment="1">
      <alignment horizontal="left" vertical="center" wrapText="1"/>
    </xf>
    <xf numFmtId="0" fontId="6" fillId="2" borderId="116" xfId="1" applyFont="1" applyFill="1" applyBorder="1" applyAlignment="1">
      <alignment horizontal="left" vertical="center" wrapText="1"/>
    </xf>
    <xf numFmtId="0" fontId="6" fillId="2" borderId="34" xfId="1" applyFont="1" applyFill="1" applyBorder="1" applyAlignment="1">
      <alignment horizontal="left" vertical="center" wrapText="1"/>
    </xf>
    <xf numFmtId="0" fontId="6" fillId="2" borderId="38" xfId="1" applyFont="1" applyFill="1" applyBorder="1" applyAlignment="1">
      <alignment horizontal="left" vertical="center" wrapText="1"/>
    </xf>
    <xf numFmtId="0" fontId="6" fillId="2" borderId="117" xfId="1" applyFont="1" applyFill="1" applyBorder="1" applyAlignment="1">
      <alignment horizontal="left" vertical="center" wrapText="1"/>
    </xf>
    <xf numFmtId="0" fontId="6" fillId="2" borderId="118" xfId="1" applyFont="1" applyFill="1" applyBorder="1" applyAlignment="1">
      <alignment horizontal="center" vertical="center" wrapText="1"/>
    </xf>
    <xf numFmtId="0" fontId="6" fillId="2" borderId="43" xfId="1" applyFont="1" applyFill="1" applyBorder="1" applyAlignment="1">
      <alignment horizontal="center" vertical="center" wrapText="1"/>
    </xf>
    <xf numFmtId="0" fontId="41" fillId="2" borderId="43" xfId="3" applyFont="1" applyFill="1" applyBorder="1" applyAlignment="1">
      <alignment horizontal="left" vertical="center" wrapText="1"/>
    </xf>
    <xf numFmtId="0" fontId="41" fillId="2" borderId="0" xfId="3" applyFont="1" applyFill="1" applyAlignment="1">
      <alignment horizontal="left" vertical="center" wrapText="1"/>
    </xf>
    <xf numFmtId="0" fontId="41" fillId="2" borderId="119" xfId="3" applyFont="1" applyFill="1" applyBorder="1" applyAlignment="1">
      <alignment horizontal="left" vertical="center" wrapText="1"/>
    </xf>
    <xf numFmtId="49" fontId="6" fillId="2" borderId="34" xfId="1" applyNumberFormat="1" applyFont="1" applyFill="1" applyBorder="1" applyAlignment="1">
      <alignment horizontal="left" vertical="center" wrapText="1"/>
    </xf>
    <xf numFmtId="49" fontId="6" fillId="2" borderId="38" xfId="1" applyNumberFormat="1" applyFont="1" applyFill="1" applyBorder="1" applyAlignment="1">
      <alignment horizontal="left" vertical="center" wrapText="1"/>
    </xf>
    <xf numFmtId="49" fontId="6" fillId="2" borderId="22" xfId="1" applyNumberFormat="1" applyFont="1" applyFill="1" applyBorder="1" applyAlignment="1">
      <alignment horizontal="center" vertical="center" wrapText="1"/>
    </xf>
    <xf numFmtId="49" fontId="6" fillId="2" borderId="21" xfId="1" applyNumberFormat="1" applyFont="1" applyFill="1" applyBorder="1" applyAlignment="1">
      <alignment horizontal="center" vertical="center" wrapText="1"/>
    </xf>
    <xf numFmtId="49" fontId="6" fillId="2" borderId="98" xfId="1" applyNumberFormat="1" applyFont="1" applyFill="1" applyBorder="1" applyAlignment="1">
      <alignment horizontal="left" vertical="center" wrapText="1"/>
    </xf>
    <xf numFmtId="49" fontId="6" fillId="2" borderId="117" xfId="1" applyNumberFormat="1" applyFont="1" applyFill="1" applyBorder="1" applyAlignment="1">
      <alignment horizontal="left" vertical="center" wrapText="1"/>
    </xf>
    <xf numFmtId="0" fontId="6" fillId="2" borderId="120" xfId="1" applyFont="1" applyFill="1" applyBorder="1" applyAlignment="1">
      <alignment horizontal="center" vertical="center" textRotation="255" wrapText="1"/>
    </xf>
    <xf numFmtId="49" fontId="6" fillId="2" borderId="57" xfId="1" applyNumberFormat="1" applyFont="1" applyFill="1" applyBorder="1" applyAlignment="1">
      <alignment horizontal="left" vertical="center" wrapText="1"/>
    </xf>
    <xf numFmtId="49" fontId="6" fillId="2" borderId="11" xfId="1" applyNumberFormat="1" applyFont="1" applyFill="1" applyBorder="1" applyAlignment="1">
      <alignment horizontal="left" vertical="center" wrapText="1"/>
    </xf>
    <xf numFmtId="49" fontId="6" fillId="2" borderId="116" xfId="1" applyNumberFormat="1" applyFont="1" applyFill="1" applyBorder="1" applyAlignment="1">
      <alignment horizontal="left" vertical="center" wrapText="1"/>
    </xf>
    <xf numFmtId="0" fontId="6" fillId="2" borderId="121" xfId="1" applyFont="1" applyFill="1" applyBorder="1" applyAlignment="1">
      <alignment horizontal="center" vertical="center" textRotation="255" wrapText="1"/>
    </xf>
    <xf numFmtId="0" fontId="6" fillId="2" borderId="56" xfId="1" applyFont="1" applyFill="1" applyBorder="1" applyAlignment="1">
      <alignment horizontal="left" vertical="center" wrapText="1"/>
    </xf>
    <xf numFmtId="0" fontId="6" fillId="2" borderId="42" xfId="1" applyFont="1" applyFill="1" applyBorder="1" applyAlignment="1">
      <alignment horizontal="center" vertical="center" wrapText="1"/>
    </xf>
    <xf numFmtId="0" fontId="8" fillId="2" borderId="15" xfId="1" applyFont="1" applyFill="1" applyBorder="1" applyAlignment="1">
      <alignment horizontal="center" vertical="center" wrapText="1"/>
    </xf>
    <xf numFmtId="49" fontId="6" fillId="2" borderId="0" xfId="1" applyNumberFormat="1" applyFont="1" applyFill="1" applyAlignment="1">
      <alignment horizontal="center" vertical="center"/>
    </xf>
    <xf numFmtId="0" fontId="42" fillId="2" borderId="15" xfId="1" applyFont="1" applyFill="1" applyBorder="1" applyAlignment="1">
      <alignment horizontal="center" vertical="center" wrapText="1"/>
    </xf>
    <xf numFmtId="49" fontId="42" fillId="2" borderId="15" xfId="1" applyNumberFormat="1" applyFont="1" applyFill="1" applyBorder="1" applyAlignment="1">
      <alignment horizontal="center" vertical="center" wrapText="1"/>
    </xf>
    <xf numFmtId="0" fontId="42" fillId="2" borderId="15" xfId="1" applyFont="1" applyFill="1" applyBorder="1" applyAlignment="1">
      <alignment horizontal="left" vertical="center" wrapText="1"/>
    </xf>
    <xf numFmtId="0" fontId="42" fillId="2" borderId="16" xfId="1" applyFont="1" applyFill="1" applyBorder="1" applyAlignment="1">
      <alignment horizontal="left" vertical="center" wrapText="1"/>
    </xf>
    <xf numFmtId="0" fontId="6" fillId="2" borderId="33" xfId="1" applyFont="1" applyFill="1" applyBorder="1" applyAlignment="1">
      <alignment horizontal="center" vertical="center" textRotation="255" wrapText="1"/>
    </xf>
    <xf numFmtId="0" fontId="6" fillId="2" borderId="44" xfId="1" applyFont="1" applyFill="1" applyBorder="1" applyAlignment="1">
      <alignment horizontal="center" vertical="center" wrapText="1"/>
    </xf>
    <xf numFmtId="0" fontId="6" fillId="2" borderId="38" xfId="1" applyFont="1" applyFill="1" applyBorder="1" applyAlignment="1">
      <alignment horizontal="center" vertical="center" shrinkToFit="1"/>
    </xf>
    <xf numFmtId="176" fontId="6" fillId="2" borderId="38" xfId="1" applyNumberFormat="1" applyFont="1" applyFill="1" applyBorder="1" applyAlignment="1">
      <alignment horizontal="left" vertical="center" wrapText="1" indent="1"/>
    </xf>
    <xf numFmtId="176" fontId="6" fillId="2" borderId="56" xfId="1" applyNumberFormat="1" applyFont="1" applyFill="1" applyBorder="1" applyAlignment="1">
      <alignment horizontal="left" vertical="center" wrapText="1" indent="1"/>
    </xf>
    <xf numFmtId="0" fontId="6" fillId="2" borderId="99" xfId="1" applyFont="1" applyFill="1" applyBorder="1" applyAlignment="1">
      <alignment horizontal="center" vertical="center" wrapText="1"/>
    </xf>
    <xf numFmtId="0" fontId="6" fillId="2" borderId="12" xfId="1" applyFont="1" applyFill="1" applyBorder="1" applyAlignment="1">
      <alignment horizontal="left" vertical="center" wrapText="1"/>
    </xf>
    <xf numFmtId="0" fontId="9" fillId="0" borderId="94" xfId="1" applyFont="1" applyFill="1" applyBorder="1" applyAlignment="1">
      <alignment horizontal="center" vertical="center" wrapText="1" shrinkToFit="1"/>
    </xf>
    <xf numFmtId="0" fontId="9" fillId="0" borderId="122" xfId="1" applyFont="1" applyFill="1" applyBorder="1" applyAlignment="1">
      <alignment horizontal="center" vertical="center" wrapText="1" shrinkToFit="1"/>
    </xf>
    <xf numFmtId="0" fontId="9" fillId="0" borderId="14" xfId="1" applyFont="1" applyFill="1" applyBorder="1" applyAlignment="1">
      <alignment horizontal="center" vertical="center" shrinkToFit="1"/>
    </xf>
    <xf numFmtId="0" fontId="9" fillId="0" borderId="15" xfId="1" applyFont="1" applyFill="1" applyBorder="1" applyAlignment="1">
      <alignment horizontal="center" vertical="center" shrinkToFit="1"/>
    </xf>
    <xf numFmtId="0" fontId="9" fillId="0" borderId="16" xfId="1" applyFont="1" applyFill="1" applyBorder="1" applyAlignment="1">
      <alignment horizontal="center" vertical="center" shrinkToFit="1"/>
    </xf>
    <xf numFmtId="14" fontId="6" fillId="2" borderId="0" xfId="1" applyNumberFormat="1" applyFont="1" applyFill="1" applyAlignment="1">
      <alignment horizontal="left" vertical="top"/>
    </xf>
    <xf numFmtId="0" fontId="6" fillId="2" borderId="54" xfId="1" applyFont="1" applyFill="1" applyBorder="1" applyAlignment="1">
      <alignment horizontal="center" vertical="center" textRotation="255" wrapText="1"/>
    </xf>
    <xf numFmtId="0" fontId="38" fillId="0" borderId="10" xfId="1" applyFont="1" applyFill="1" applyBorder="1" applyAlignment="1">
      <alignment horizontal="center" vertical="center" wrapText="1"/>
    </xf>
    <xf numFmtId="0" fontId="38" fillId="0" borderId="20" xfId="1" applyFont="1" applyFill="1" applyBorder="1" applyAlignment="1">
      <alignment horizontal="center" vertical="center" wrapText="1"/>
    </xf>
    <xf numFmtId="0" fontId="38" fillId="0" borderId="22" xfId="1" applyFont="1" applyFill="1" applyBorder="1" applyAlignment="1">
      <alignment horizontal="center" vertical="center" wrapText="1"/>
    </xf>
    <xf numFmtId="0" fontId="38" fillId="0" borderId="21" xfId="1" applyFont="1" applyFill="1" applyBorder="1" applyAlignment="1">
      <alignment horizontal="center" vertical="center" wrapText="1"/>
    </xf>
    <xf numFmtId="49" fontId="16" fillId="0" borderId="14" xfId="1" applyNumberFormat="1" applyFont="1" applyFill="1" applyBorder="1" applyAlignment="1">
      <alignment vertical="center" wrapText="1"/>
    </xf>
    <xf numFmtId="49" fontId="9" fillId="0" borderId="123" xfId="1" applyNumberFormat="1" applyFont="1" applyFill="1" applyBorder="1" applyAlignment="1">
      <alignment horizontal="center" vertical="center" wrapText="1"/>
    </xf>
    <xf numFmtId="49" fontId="9" fillId="0" borderId="124" xfId="1" applyNumberFormat="1" applyFont="1" applyFill="1" applyBorder="1" applyAlignment="1">
      <alignment horizontal="center" vertical="center" wrapText="1"/>
    </xf>
    <xf numFmtId="0" fontId="43" fillId="0" borderId="10" xfId="1" applyFont="1" applyFill="1" applyBorder="1" applyAlignment="1">
      <alignment horizontal="center" vertical="center" wrapText="1"/>
    </xf>
    <xf numFmtId="0" fontId="43" fillId="0" borderId="45" xfId="1" applyFont="1" applyFill="1" applyBorder="1" applyAlignment="1">
      <alignment horizontal="center" vertical="center" wrapText="1"/>
    </xf>
    <xf numFmtId="0" fontId="43" fillId="0" borderId="46" xfId="1" applyFont="1" applyFill="1" applyBorder="1" applyAlignment="1">
      <alignment horizontal="center" vertical="center" wrapText="1"/>
    </xf>
    <xf numFmtId="0" fontId="43" fillId="0" borderId="47" xfId="1" applyFont="1" applyFill="1" applyBorder="1" applyAlignment="1">
      <alignment horizontal="center" vertical="center" wrapText="1"/>
    </xf>
    <xf numFmtId="0" fontId="43" fillId="0" borderId="48" xfId="1" applyFont="1" applyFill="1" applyBorder="1" applyAlignment="1">
      <alignment horizontal="center" vertical="center" wrapText="1"/>
    </xf>
    <xf numFmtId="0" fontId="43" fillId="0" borderId="49" xfId="1" applyFont="1" applyFill="1" applyBorder="1" applyAlignment="1">
      <alignment horizontal="center" vertical="center" wrapText="1"/>
    </xf>
    <xf numFmtId="0" fontId="43" fillId="0" borderId="50" xfId="1" applyFont="1" applyFill="1" applyBorder="1" applyAlignment="1">
      <alignment horizontal="center" vertical="center" wrapText="1"/>
    </xf>
    <xf numFmtId="0" fontId="22" fillId="2" borderId="125" xfId="1" applyFont="1" applyFill="1" applyBorder="1" applyAlignment="1">
      <alignment horizontal="center" vertical="center" wrapText="1"/>
    </xf>
    <xf numFmtId="0" fontId="22" fillId="2" borderId="76" xfId="1" applyFont="1" applyFill="1" applyBorder="1" applyAlignment="1">
      <alignment horizontal="center" vertical="center" wrapText="1"/>
    </xf>
    <xf numFmtId="0" fontId="22" fillId="2" borderId="75" xfId="1" applyFont="1" applyFill="1" applyBorder="1" applyAlignment="1">
      <alignment horizontal="center" vertical="center" wrapText="1"/>
    </xf>
    <xf numFmtId="0" fontId="27" fillId="2" borderId="76" xfId="1" applyFont="1" applyFill="1" applyBorder="1" applyAlignment="1">
      <alignment horizontal="center" vertical="center"/>
    </xf>
    <xf numFmtId="0" fontId="27" fillId="2" borderId="77" xfId="1" applyFont="1" applyFill="1" applyBorder="1" applyAlignment="1">
      <alignment horizontal="center" vertical="center"/>
    </xf>
    <xf numFmtId="0" fontId="6" fillId="5" borderId="102" xfId="1" applyFont="1" applyFill="1" applyBorder="1" applyAlignment="1">
      <alignment horizontal="left" vertical="center" wrapText="1"/>
    </xf>
    <xf numFmtId="0" fontId="6" fillId="5" borderId="22" xfId="1" applyFont="1" applyFill="1" applyBorder="1" applyAlignment="1">
      <alignment horizontal="left" vertical="center" wrapText="1"/>
    </xf>
    <xf numFmtId="0" fontId="6" fillId="5" borderId="23" xfId="1" applyFont="1" applyFill="1" applyBorder="1" applyAlignment="1">
      <alignment horizontal="left" vertical="center" wrapText="1"/>
    </xf>
    <xf numFmtId="0" fontId="27" fillId="2" borderId="75" xfId="1" applyFont="1" applyFill="1" applyBorder="1" applyAlignment="1">
      <alignment horizontal="center" vertical="center"/>
    </xf>
    <xf numFmtId="0" fontId="6" fillId="2" borderId="76" xfId="1" applyFont="1" applyFill="1" applyBorder="1" applyAlignment="1">
      <alignment horizontal="center" vertical="center" wrapText="1"/>
    </xf>
    <xf numFmtId="0" fontId="6" fillId="2" borderId="77" xfId="1" applyFont="1" applyFill="1" applyBorder="1" applyAlignment="1">
      <alignment vertical="center" wrapText="1"/>
    </xf>
    <xf numFmtId="0" fontId="6" fillId="5" borderId="1" xfId="1" applyFont="1" applyFill="1" applyBorder="1" applyAlignment="1">
      <alignment horizontal="center" vertical="center" textRotation="255" wrapText="1"/>
    </xf>
    <xf numFmtId="0" fontId="6" fillId="5" borderId="81" xfId="1" applyFont="1" applyFill="1" applyBorder="1" applyAlignment="1">
      <alignment horizontal="left" vertical="center" wrapText="1"/>
    </xf>
    <xf numFmtId="0" fontId="6" fillId="5" borderId="82" xfId="1" applyFont="1" applyFill="1" applyBorder="1" applyAlignment="1">
      <alignment horizontal="left" vertical="center" wrapText="1"/>
    </xf>
    <xf numFmtId="0" fontId="6" fillId="5" borderId="5" xfId="1" applyFont="1" applyFill="1" applyBorder="1" applyAlignment="1">
      <alignment horizontal="center" vertical="center" textRotation="255" wrapText="1"/>
    </xf>
    <xf numFmtId="0" fontId="6" fillId="2" borderId="14" xfId="1" applyFont="1" applyFill="1" applyBorder="1" applyAlignment="1">
      <alignment horizontal="center" vertical="center" wrapText="1"/>
    </xf>
    <xf numFmtId="0" fontId="6" fillId="2" borderId="92"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126" xfId="1" applyFont="1" applyFill="1" applyBorder="1" applyAlignment="1">
      <alignment vertical="center" wrapText="1"/>
    </xf>
    <xf numFmtId="0" fontId="6" fillId="2" borderId="127" xfId="1" applyFont="1" applyFill="1" applyBorder="1" applyAlignment="1">
      <alignment vertical="center" wrapText="1"/>
    </xf>
    <xf numFmtId="0" fontId="6" fillId="5" borderId="93" xfId="1" applyFont="1" applyFill="1" applyBorder="1" applyAlignment="1">
      <alignment horizontal="left" vertical="center" wrapText="1"/>
    </xf>
    <xf numFmtId="0" fontId="6" fillId="2" borderId="94" xfId="1" applyFont="1" applyFill="1" applyBorder="1" applyAlignment="1">
      <alignment horizontal="center" vertical="center"/>
    </xf>
    <xf numFmtId="0" fontId="6" fillId="2" borderId="128" xfId="1" applyFont="1" applyFill="1" applyBorder="1" applyAlignment="1">
      <alignment horizontal="center" vertical="center"/>
    </xf>
    <xf numFmtId="0" fontId="6" fillId="2" borderId="123" xfId="1" applyFont="1" applyFill="1" applyBorder="1" applyAlignment="1">
      <alignment horizontal="center" vertical="center"/>
    </xf>
    <xf numFmtId="0" fontId="6" fillId="2" borderId="124" xfId="1" applyFont="1" applyFill="1" applyBorder="1" applyAlignment="1">
      <alignment horizontal="center" vertical="center"/>
    </xf>
    <xf numFmtId="0" fontId="5" fillId="2" borderId="129" xfId="1" applyFont="1" applyFill="1" applyBorder="1" applyAlignment="1">
      <alignment horizontal="center" vertical="center"/>
    </xf>
    <xf numFmtId="0" fontId="5" fillId="2" borderId="21" xfId="1" applyFont="1" applyFill="1" applyBorder="1" applyAlignment="1">
      <alignment horizontal="center" vertical="center"/>
    </xf>
    <xf numFmtId="0" fontId="5" fillId="2" borderId="20" xfId="1" applyFont="1" applyFill="1" applyBorder="1" applyAlignment="1">
      <alignment horizontal="center" vertical="center"/>
    </xf>
    <xf numFmtId="0" fontId="5" fillId="2" borderId="23" xfId="1" applyFont="1" applyFill="1" applyBorder="1" applyAlignment="1">
      <alignment horizontal="center" vertical="center"/>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130" xfId="1" applyFont="1" applyFill="1" applyBorder="1" applyAlignment="1">
      <alignment horizontal="center" vertical="center" wrapText="1"/>
    </xf>
    <xf numFmtId="0" fontId="6" fillId="2" borderId="129" xfId="1" applyFont="1" applyFill="1" applyBorder="1" applyAlignment="1">
      <alignment horizontal="center" vertical="center"/>
    </xf>
    <xf numFmtId="0" fontId="6" fillId="2" borderId="22" xfId="1" applyFont="1" applyFill="1" applyBorder="1" applyAlignment="1">
      <alignment horizontal="center" vertical="center"/>
    </xf>
    <xf numFmtId="0" fontId="6" fillId="2" borderId="131" xfId="1" applyFont="1" applyFill="1" applyBorder="1" applyAlignment="1">
      <alignment horizontal="center" vertical="center"/>
    </xf>
    <xf numFmtId="0" fontId="5" fillId="2" borderId="129" xfId="1" applyFont="1" applyFill="1" applyBorder="1" applyAlignment="1">
      <alignment horizontal="left" vertical="center"/>
    </xf>
    <xf numFmtId="0" fontId="5" fillId="2" borderId="22" xfId="1" applyFont="1" applyFill="1" applyBorder="1" applyAlignment="1">
      <alignment horizontal="left" vertical="center"/>
    </xf>
    <xf numFmtId="0" fontId="5" fillId="2" borderId="23" xfId="1" applyFont="1" applyFill="1" applyBorder="1" applyAlignment="1">
      <alignment horizontal="left" vertical="center"/>
    </xf>
    <xf numFmtId="0" fontId="6" fillId="2" borderId="101" xfId="1" applyFont="1" applyFill="1" applyBorder="1" applyAlignment="1">
      <alignment horizontal="left" vertical="center" wrapText="1"/>
    </xf>
    <xf numFmtId="0" fontId="6" fillId="2" borderId="27" xfId="1" applyFont="1" applyFill="1" applyBorder="1" applyAlignment="1">
      <alignment horizontal="left" vertical="center" wrapText="1"/>
    </xf>
    <xf numFmtId="0" fontId="6" fillId="2" borderId="22" xfId="1" applyFont="1" applyFill="1" applyBorder="1" applyAlignment="1">
      <alignment horizontal="left" vertical="center" wrapText="1"/>
    </xf>
    <xf numFmtId="0" fontId="6" fillId="2" borderId="21" xfId="1" applyFont="1" applyFill="1" applyBorder="1" applyAlignment="1">
      <alignment horizontal="left" vertical="center" wrapText="1"/>
    </xf>
    <xf numFmtId="49" fontId="6" fillId="2" borderId="20" xfId="1" applyNumberFormat="1" applyFont="1" applyFill="1" applyBorder="1" applyAlignment="1">
      <alignment horizontal="center" vertical="center" wrapText="1"/>
    </xf>
    <xf numFmtId="0" fontId="6" fillId="2" borderId="22" xfId="1" applyFont="1" applyFill="1" applyBorder="1" applyAlignment="1">
      <alignment horizontal="center" vertical="center" wrapText="1"/>
    </xf>
    <xf numFmtId="177" fontId="6" fillId="2" borderId="22" xfId="1" applyNumberFormat="1" applyFont="1" applyFill="1" applyBorder="1" applyAlignment="1">
      <alignment horizontal="center" vertical="center" wrapText="1"/>
    </xf>
    <xf numFmtId="0" fontId="6" fillId="2" borderId="18" xfId="1" applyFont="1" applyFill="1" applyBorder="1" applyAlignment="1">
      <alignment vertical="center" wrapText="1"/>
    </xf>
    <xf numFmtId="0" fontId="6" fillId="2" borderId="101" xfId="1" applyFont="1" applyFill="1" applyBorder="1" applyAlignment="1">
      <alignment horizontal="center" vertical="center" wrapText="1"/>
    </xf>
    <xf numFmtId="0" fontId="6" fillId="2" borderId="85" xfId="1" applyFont="1" applyFill="1" applyBorder="1" applyAlignment="1">
      <alignment horizontal="center" vertical="center" wrapText="1"/>
    </xf>
    <xf numFmtId="0" fontId="6" fillId="2" borderId="7" xfId="1" applyFont="1" applyFill="1" applyBorder="1" applyAlignment="1">
      <alignment vertical="center" wrapText="1"/>
    </xf>
    <xf numFmtId="0" fontId="6" fillId="2" borderId="8" xfId="1" applyFont="1" applyFill="1" applyBorder="1" applyAlignment="1">
      <alignment vertical="center" wrapText="1"/>
    </xf>
    <xf numFmtId="0" fontId="6" fillId="2" borderId="32"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36" xfId="1" applyFont="1" applyFill="1" applyBorder="1" applyAlignment="1">
      <alignment horizontal="center" vertical="center" wrapText="1"/>
    </xf>
    <xf numFmtId="0" fontId="6" fillId="2" borderId="27" xfId="1" applyFont="1" applyFill="1" applyBorder="1" applyAlignment="1">
      <alignment horizontal="center" vertical="center" wrapText="1"/>
    </xf>
    <xf numFmtId="177" fontId="6" fillId="2" borderId="27" xfId="1" applyNumberFormat="1" applyFont="1" applyFill="1" applyBorder="1" applyAlignment="1">
      <alignment horizontal="center" vertical="center" wrapText="1"/>
    </xf>
    <xf numFmtId="0" fontId="6" fillId="5" borderId="106" xfId="1" applyFont="1" applyFill="1" applyBorder="1" applyAlignment="1">
      <alignment horizontal="center" vertical="center" textRotation="255" wrapText="1"/>
    </xf>
    <xf numFmtId="0" fontId="6" fillId="2" borderId="74" xfId="1" applyFont="1" applyFill="1" applyBorder="1" applyAlignment="1">
      <alignment horizontal="right" vertical="center" wrapText="1"/>
    </xf>
    <xf numFmtId="0" fontId="6" fillId="2" borderId="76" xfId="1" applyFont="1" applyFill="1" applyBorder="1" applyAlignment="1">
      <alignment horizontal="right" vertical="center" wrapText="1"/>
    </xf>
    <xf numFmtId="177" fontId="6" fillId="2" borderId="75" xfId="1" applyNumberFormat="1" applyFont="1" applyFill="1" applyBorder="1" applyAlignment="1">
      <alignment horizontal="center" vertical="center" wrapText="1"/>
    </xf>
    <xf numFmtId="177" fontId="6" fillId="2" borderId="76" xfId="1" applyNumberFormat="1" applyFont="1" applyFill="1" applyBorder="1" applyAlignment="1">
      <alignment vertical="center" wrapText="1"/>
    </xf>
    <xf numFmtId="177" fontId="6" fillId="2" borderId="76" xfId="1" applyNumberFormat="1" applyFont="1" applyFill="1" applyBorder="1" applyAlignment="1">
      <alignment horizontal="center" vertical="center" wrapText="1"/>
    </xf>
    <xf numFmtId="0" fontId="6" fillId="2" borderId="76" xfId="1" applyFont="1" applyFill="1" applyBorder="1" applyAlignment="1">
      <alignment horizontal="center" vertical="center" wrapText="1"/>
    </xf>
    <xf numFmtId="177" fontId="6" fillId="2" borderId="76" xfId="1" applyNumberFormat="1" applyFont="1" applyFill="1" applyBorder="1" applyAlignment="1">
      <alignment horizontal="center" vertical="center" wrapText="1"/>
    </xf>
    <xf numFmtId="0" fontId="44" fillId="2" borderId="77" xfId="1" applyFont="1" applyFill="1" applyBorder="1" applyAlignment="1">
      <alignment vertical="center"/>
    </xf>
    <xf numFmtId="0" fontId="6" fillId="5" borderId="132" xfId="1" applyFont="1" applyFill="1" applyBorder="1" applyAlignment="1">
      <alignment horizontal="left" vertical="center" wrapText="1"/>
    </xf>
    <xf numFmtId="177" fontId="6" fillId="2" borderId="76" xfId="1" applyNumberFormat="1" applyFont="1" applyFill="1" applyBorder="1" applyAlignment="1">
      <alignment horizontal="left" vertical="center" wrapText="1"/>
    </xf>
    <xf numFmtId="0" fontId="6" fillId="2" borderId="133" xfId="1" applyFont="1" applyFill="1" applyBorder="1" applyAlignment="1">
      <alignment horizontal="center" vertical="center" wrapText="1"/>
    </xf>
    <xf numFmtId="0" fontId="6" fillId="2" borderId="68" xfId="1" applyFont="1" applyFill="1" applyBorder="1" applyAlignment="1">
      <alignment horizontal="center" vertical="center" wrapText="1"/>
    </xf>
    <xf numFmtId="0" fontId="6" fillId="2" borderId="134" xfId="1" applyFont="1" applyFill="1" applyBorder="1" applyAlignment="1">
      <alignment horizontal="center" vertical="center" wrapText="1"/>
    </xf>
    <xf numFmtId="0" fontId="6" fillId="2" borderId="135" xfId="1" applyFont="1" applyFill="1" applyBorder="1" applyAlignment="1">
      <alignment horizontal="left" vertical="center" wrapText="1"/>
    </xf>
    <xf numFmtId="0" fontId="6" fillId="2" borderId="68" xfId="1" applyFont="1" applyFill="1" applyBorder="1" applyAlignment="1">
      <alignment horizontal="left" vertical="center" wrapText="1"/>
    </xf>
    <xf numFmtId="0" fontId="6" fillId="2" borderId="136" xfId="1" applyFont="1" applyFill="1" applyBorder="1" applyAlignment="1">
      <alignment horizontal="left" vertical="center" wrapText="1"/>
    </xf>
    <xf numFmtId="0" fontId="6" fillId="2" borderId="0" xfId="1" applyFont="1" applyFill="1" applyAlignment="1">
      <alignment horizontal="left" vertical="center" wrapText="1" indent="5"/>
    </xf>
    <xf numFmtId="0" fontId="6" fillId="2" borderId="0" xfId="1" applyFont="1" applyFill="1" applyAlignment="1">
      <alignment horizontal="left" vertical="center" wrapText="1"/>
    </xf>
    <xf numFmtId="0" fontId="2" fillId="2" borderId="0" xfId="1" applyFont="1" applyFill="1" applyAlignment="1">
      <alignment horizontal="left" vertical="top" wrapText="1"/>
    </xf>
    <xf numFmtId="0" fontId="6" fillId="2" borderId="137" xfId="1" applyFont="1" applyFill="1" applyBorder="1" applyAlignment="1">
      <alignment horizontal="center" vertical="center" textRotation="255" wrapText="1"/>
    </xf>
    <xf numFmtId="0" fontId="6" fillId="2" borderId="105" xfId="1" applyFont="1" applyFill="1" applyBorder="1" applyAlignment="1">
      <alignment horizontal="center" vertical="center" wrapText="1"/>
    </xf>
    <xf numFmtId="0" fontId="6" fillId="2" borderId="81" xfId="1" applyFont="1" applyFill="1" applyBorder="1" applyAlignment="1">
      <alignment horizontal="center" vertical="center" wrapText="1"/>
    </xf>
    <xf numFmtId="0" fontId="6" fillId="2" borderId="104" xfId="1" applyFont="1" applyFill="1" applyBorder="1" applyAlignment="1">
      <alignment horizontal="center" vertical="center" wrapText="1"/>
    </xf>
    <xf numFmtId="0" fontId="6" fillId="2" borderId="81" xfId="1" applyFont="1" applyFill="1" applyBorder="1" applyAlignment="1">
      <alignment horizontal="left" vertical="center" wrapText="1"/>
    </xf>
    <xf numFmtId="0" fontId="6" fillId="2" borderId="82" xfId="1" applyFont="1" applyFill="1" applyBorder="1" applyAlignment="1">
      <alignment horizontal="left" vertical="center" wrapText="1"/>
    </xf>
    <xf numFmtId="0" fontId="6" fillId="2" borderId="92" xfId="1" applyFont="1" applyFill="1" applyBorder="1" applyAlignment="1">
      <alignment horizontal="left" vertical="center" wrapText="1"/>
    </xf>
    <xf numFmtId="0" fontId="6" fillId="2" borderId="43" xfId="1" applyFont="1" applyFill="1" applyBorder="1" applyAlignment="1">
      <alignment horizontal="left" vertical="center" wrapText="1"/>
    </xf>
    <xf numFmtId="49" fontId="6" fillId="2" borderId="92" xfId="1" applyNumberFormat="1" applyFont="1" applyFill="1" applyBorder="1" applyAlignment="1">
      <alignment horizontal="left" vertical="center" wrapText="1"/>
    </xf>
    <xf numFmtId="0" fontId="6" fillId="2" borderId="31" xfId="1" applyFont="1" applyFill="1" applyBorder="1" applyAlignment="1">
      <alignment horizontal="center" vertical="center" wrapText="1"/>
    </xf>
    <xf numFmtId="49" fontId="6" fillId="2" borderId="12" xfId="1" applyNumberFormat="1" applyFont="1" applyFill="1" applyBorder="1" applyAlignment="1">
      <alignment horizontal="left" vertical="center" wrapText="1"/>
    </xf>
    <xf numFmtId="0" fontId="5" fillId="5" borderId="1" xfId="1" applyFont="1" applyFill="1" applyBorder="1" applyAlignment="1">
      <alignment horizontal="center" vertical="center" textRotation="255" wrapText="1"/>
    </xf>
    <xf numFmtId="0" fontId="5" fillId="5" borderId="5" xfId="1" applyFont="1" applyFill="1" applyBorder="1" applyAlignment="1">
      <alignment horizontal="center" vertical="center" textRotation="255" wrapText="1"/>
    </xf>
    <xf numFmtId="0" fontId="6" fillId="2" borderId="27" xfId="1" applyFont="1" applyFill="1" applyBorder="1" applyAlignment="1">
      <alignment horizontal="center" vertical="center" wrapText="1"/>
    </xf>
    <xf numFmtId="0" fontId="6" fillId="2" borderId="90" xfId="1" applyFont="1" applyFill="1" applyBorder="1" applyAlignment="1">
      <alignment horizontal="left" vertical="center" wrapText="1"/>
    </xf>
    <xf numFmtId="0" fontId="6" fillId="2" borderId="87" xfId="1" applyFont="1" applyFill="1" applyBorder="1" applyAlignment="1">
      <alignment horizontal="left" vertical="center" wrapText="1"/>
    </xf>
    <xf numFmtId="0" fontId="6" fillId="2" borderId="91" xfId="1" applyFont="1" applyFill="1" applyBorder="1" applyAlignment="1">
      <alignment horizontal="left" vertical="center" wrapText="1"/>
    </xf>
    <xf numFmtId="0" fontId="17" fillId="2" borderId="0" xfId="1" applyFont="1" applyFill="1" applyAlignment="1">
      <alignment horizontal="left" vertical="top"/>
    </xf>
    <xf numFmtId="0" fontId="11" fillId="2" borderId="0" xfId="1" applyFont="1" applyFill="1" applyAlignment="1">
      <alignment horizontal="left" vertical="top"/>
    </xf>
    <xf numFmtId="0" fontId="17" fillId="2" borderId="0" xfId="1" applyFont="1" applyFill="1" applyAlignment="1">
      <alignment horizontal="left" vertical="center"/>
    </xf>
    <xf numFmtId="0" fontId="9" fillId="2" borderId="87" xfId="1" applyFont="1" applyFill="1" applyBorder="1" applyAlignment="1">
      <alignment vertical="center" wrapText="1"/>
    </xf>
    <xf numFmtId="0" fontId="45" fillId="2" borderId="87" xfId="1" applyFont="1" applyFill="1" applyBorder="1" applyAlignment="1">
      <alignment vertical="center"/>
    </xf>
    <xf numFmtId="0" fontId="9" fillId="2" borderId="0" xfId="1" applyFont="1" applyFill="1" applyAlignment="1">
      <alignment horizontal="left" vertical="top"/>
    </xf>
    <xf numFmtId="0" fontId="46" fillId="2" borderId="0" xfId="1" applyFont="1" applyFill="1" applyAlignment="1">
      <alignment horizontal="left" vertical="top"/>
    </xf>
    <xf numFmtId="0" fontId="9" fillId="5" borderId="1" xfId="1" applyFont="1" applyFill="1" applyBorder="1" applyAlignment="1">
      <alignment horizontal="center" vertical="center" textRotation="255" wrapText="1"/>
    </xf>
    <xf numFmtId="0" fontId="9" fillId="5" borderId="81" xfId="1" applyFont="1" applyFill="1" applyBorder="1" applyAlignment="1">
      <alignment horizontal="left" vertical="center" wrapText="1"/>
    </xf>
    <xf numFmtId="0" fontId="9" fillId="5" borderId="82" xfId="1" applyFont="1" applyFill="1" applyBorder="1" applyAlignment="1">
      <alignment horizontal="left" vertical="center" wrapText="1"/>
    </xf>
    <xf numFmtId="0" fontId="9" fillId="5" borderId="5" xfId="1" applyFont="1" applyFill="1" applyBorder="1" applyAlignment="1">
      <alignment horizontal="center" vertical="center" textRotation="255" wrapText="1"/>
    </xf>
    <xf numFmtId="0" fontId="9" fillId="2" borderId="14" xfId="1" applyFont="1" applyFill="1" applyBorder="1" applyAlignment="1">
      <alignment horizontal="center" vertical="center" wrapText="1"/>
    </xf>
    <xf numFmtId="0" fontId="9" fillId="2" borderId="53" xfId="1" applyFont="1" applyFill="1" applyBorder="1" applyAlignment="1">
      <alignment horizontal="center" vertical="center" wrapText="1"/>
    </xf>
    <xf numFmtId="0" fontId="9" fillId="2" borderId="41" xfId="1" applyFont="1" applyFill="1" applyBorder="1" applyAlignment="1">
      <alignment horizontal="center" vertical="center" wrapText="1"/>
    </xf>
    <xf numFmtId="0" fontId="9" fillId="2" borderId="42" xfId="1" applyFont="1" applyFill="1" applyBorder="1" applyAlignment="1">
      <alignment horizontal="center" vertical="center" wrapText="1"/>
    </xf>
    <xf numFmtId="0" fontId="9" fillId="2" borderId="34" xfId="1" applyFont="1" applyFill="1" applyBorder="1" applyAlignment="1">
      <alignment horizontal="center" vertical="center" wrapText="1"/>
    </xf>
    <xf numFmtId="0" fontId="9" fillId="2" borderId="38" xfId="1" applyFont="1" applyFill="1" applyBorder="1" applyAlignment="1">
      <alignment horizontal="center" vertical="center" wrapText="1"/>
    </xf>
    <xf numFmtId="0" fontId="9" fillId="2" borderId="56" xfId="1" applyFont="1" applyFill="1" applyBorder="1" applyAlignment="1">
      <alignment horizontal="center" vertical="center" wrapText="1"/>
    </xf>
    <xf numFmtId="0" fontId="9" fillId="2" borderId="92" xfId="1" applyFont="1" applyFill="1" applyBorder="1" applyAlignment="1">
      <alignment horizontal="center" vertical="center" wrapText="1"/>
    </xf>
    <xf numFmtId="0" fontId="9" fillId="2" borderId="18" xfId="1" applyFont="1" applyFill="1" applyBorder="1" applyAlignment="1">
      <alignment horizontal="center" vertical="center" wrapText="1"/>
    </xf>
    <xf numFmtId="0" fontId="9" fillId="2" borderId="55" xfId="1" applyFont="1" applyFill="1" applyBorder="1" applyAlignment="1">
      <alignment horizontal="center" vertical="center" wrapText="1"/>
    </xf>
    <xf numFmtId="0" fontId="9" fillId="2" borderId="126" xfId="1" applyFont="1" applyFill="1" applyBorder="1" applyAlignment="1">
      <alignment vertical="center" wrapText="1"/>
    </xf>
    <xf numFmtId="0" fontId="9" fillId="2" borderId="127" xfId="1" applyFont="1" applyFill="1" applyBorder="1" applyAlignment="1">
      <alignment vertical="center" wrapText="1"/>
    </xf>
    <xf numFmtId="0" fontId="9" fillId="5" borderId="93" xfId="1" applyFont="1" applyFill="1" applyBorder="1" applyAlignment="1">
      <alignment horizontal="left" vertical="center" wrapText="1"/>
    </xf>
    <xf numFmtId="0" fontId="9" fillId="5" borderId="11" xfId="1" applyFont="1" applyFill="1" applyBorder="1" applyAlignment="1">
      <alignment horizontal="left" vertical="center" wrapText="1"/>
    </xf>
    <xf numFmtId="0" fontId="9" fillId="5" borderId="12" xfId="1" applyFont="1" applyFill="1" applyBorder="1" applyAlignment="1">
      <alignment horizontal="left" vertical="center" wrapText="1"/>
    </xf>
    <xf numFmtId="0" fontId="9" fillId="2" borderId="94" xfId="1" applyFont="1" applyFill="1" applyBorder="1" applyAlignment="1">
      <alignment horizontal="center" vertical="center"/>
    </xf>
    <xf numFmtId="0" fontId="9" fillId="2" borderId="128" xfId="1" applyFont="1" applyFill="1" applyBorder="1" applyAlignment="1">
      <alignment horizontal="center" vertical="center"/>
    </xf>
    <xf numFmtId="0" fontId="9" fillId="2" borderId="123" xfId="1" applyFont="1" applyFill="1" applyBorder="1" applyAlignment="1">
      <alignment horizontal="center" vertical="center"/>
    </xf>
    <xf numFmtId="0" fontId="9" fillId="2" borderId="124" xfId="1" applyFont="1" applyFill="1" applyBorder="1" applyAlignment="1">
      <alignment horizontal="center" vertical="center"/>
    </xf>
    <xf numFmtId="0" fontId="11" fillId="2" borderId="129" xfId="1" applyFont="1" applyFill="1" applyBorder="1" applyAlignment="1">
      <alignment horizontal="center" vertical="center"/>
    </xf>
    <xf numFmtId="0" fontId="11" fillId="2" borderId="21" xfId="1" applyFont="1" applyFill="1" applyBorder="1" applyAlignment="1">
      <alignment horizontal="center" vertical="center"/>
    </xf>
    <xf numFmtId="0" fontId="11" fillId="2" borderId="20" xfId="1" applyFont="1" applyFill="1" applyBorder="1" applyAlignment="1">
      <alignment horizontal="center" vertical="center"/>
    </xf>
    <xf numFmtId="0" fontId="11" fillId="2" borderId="23" xfId="1" applyFont="1" applyFill="1" applyBorder="1" applyAlignment="1">
      <alignment horizontal="center" vertical="center"/>
    </xf>
    <xf numFmtId="0" fontId="9" fillId="2" borderId="7" xfId="1" applyFont="1" applyFill="1" applyBorder="1" applyAlignment="1">
      <alignment horizontal="center" vertical="center" wrapText="1"/>
    </xf>
    <xf numFmtId="0" fontId="9" fillId="2" borderId="130" xfId="1" applyFont="1" applyFill="1" applyBorder="1" applyAlignment="1">
      <alignment horizontal="center" vertical="center" wrapText="1"/>
    </xf>
    <xf numFmtId="0" fontId="9" fillId="2" borderId="129" xfId="1" applyFont="1" applyFill="1" applyBorder="1" applyAlignment="1">
      <alignment horizontal="center" vertical="center"/>
    </xf>
    <xf numFmtId="0" fontId="9" fillId="2" borderId="22" xfId="1" applyFont="1" applyFill="1" applyBorder="1" applyAlignment="1">
      <alignment horizontal="center" vertical="center"/>
    </xf>
    <xf numFmtId="0" fontId="9" fillId="2" borderId="131" xfId="1" applyFont="1" applyFill="1" applyBorder="1" applyAlignment="1">
      <alignment horizontal="center" vertical="center"/>
    </xf>
    <xf numFmtId="0" fontId="11" fillId="2" borderId="129" xfId="1" applyFont="1" applyFill="1" applyBorder="1" applyAlignment="1">
      <alignment horizontal="left" vertical="center"/>
    </xf>
    <xf numFmtId="0" fontId="11" fillId="2" borderId="22" xfId="1" applyFont="1" applyFill="1" applyBorder="1" applyAlignment="1">
      <alignment horizontal="left" vertical="center"/>
    </xf>
    <xf numFmtId="0" fontId="11" fillId="2" borderId="23" xfId="1" applyFont="1" applyFill="1" applyBorder="1" applyAlignment="1">
      <alignment horizontal="left" vertical="center"/>
    </xf>
    <xf numFmtId="0" fontId="9" fillId="2" borderId="101" xfId="1" applyFont="1" applyFill="1" applyBorder="1" applyAlignment="1">
      <alignment horizontal="left" vertical="center" wrapText="1"/>
    </xf>
    <xf numFmtId="0" fontId="9" fillId="2" borderId="27" xfId="1" applyFont="1" applyFill="1" applyBorder="1" applyAlignment="1">
      <alignment horizontal="left" vertical="center" wrapText="1"/>
    </xf>
    <xf numFmtId="0" fontId="9" fillId="2" borderId="22" xfId="1" applyFont="1" applyFill="1" applyBorder="1" applyAlignment="1">
      <alignment horizontal="left" vertical="center" wrapText="1"/>
    </xf>
    <xf numFmtId="0" fontId="9" fillId="2" borderId="21" xfId="1" applyFont="1" applyFill="1" applyBorder="1" applyAlignment="1">
      <alignment horizontal="left" vertical="center" wrapText="1"/>
    </xf>
    <xf numFmtId="49" fontId="9" fillId="2" borderId="20" xfId="1" applyNumberFormat="1" applyFont="1" applyFill="1" applyBorder="1" applyAlignment="1">
      <alignment horizontal="center" vertical="center" wrapText="1"/>
    </xf>
    <xf numFmtId="49" fontId="9" fillId="2" borderId="22" xfId="1" applyNumberFormat="1" applyFont="1" applyFill="1" applyBorder="1" applyAlignment="1">
      <alignment horizontal="center" vertical="center" wrapText="1"/>
    </xf>
    <xf numFmtId="0" fontId="9" fillId="2" borderId="22" xfId="1" applyFont="1" applyFill="1" applyBorder="1" applyAlignment="1">
      <alignment horizontal="center" vertical="center" wrapText="1"/>
    </xf>
    <xf numFmtId="177" fontId="9" fillId="2" borderId="22" xfId="1" applyNumberFormat="1" applyFont="1" applyFill="1" applyBorder="1" applyAlignment="1">
      <alignment horizontal="center" vertical="center" wrapText="1"/>
    </xf>
    <xf numFmtId="0" fontId="9" fillId="2" borderId="18" xfId="1" applyFont="1" applyFill="1" applyBorder="1" applyAlignment="1">
      <alignment vertical="center" wrapText="1"/>
    </xf>
    <xf numFmtId="0" fontId="9" fillId="2" borderId="101" xfId="1" applyFont="1" applyFill="1" applyBorder="1" applyAlignment="1">
      <alignment horizontal="center" vertical="center" wrapText="1"/>
    </xf>
    <xf numFmtId="0" fontId="9" fillId="2" borderId="7" xfId="1" applyFont="1" applyFill="1" applyBorder="1" applyAlignment="1">
      <alignment vertical="center" wrapText="1"/>
    </xf>
    <xf numFmtId="0" fontId="9" fillId="2" borderId="8" xfId="1" applyFont="1" applyFill="1" applyBorder="1" applyAlignment="1">
      <alignment vertical="center" wrapText="1"/>
    </xf>
    <xf numFmtId="0" fontId="9" fillId="2" borderId="25" xfId="1" applyFont="1" applyFill="1" applyBorder="1" applyAlignment="1">
      <alignment horizontal="center" vertical="center" wrapText="1"/>
    </xf>
    <xf numFmtId="0" fontId="9" fillId="2" borderId="26" xfId="1" applyFont="1" applyFill="1" applyBorder="1" applyAlignment="1">
      <alignment horizontal="center" vertical="center" wrapText="1"/>
    </xf>
    <xf numFmtId="0" fontId="9" fillId="2" borderId="36" xfId="1" applyFont="1" applyFill="1" applyBorder="1" applyAlignment="1">
      <alignment horizontal="center" vertical="center" wrapText="1"/>
    </xf>
    <xf numFmtId="0" fontId="9" fillId="2" borderId="27" xfId="1" applyFont="1" applyFill="1" applyBorder="1" applyAlignment="1">
      <alignment horizontal="center" vertical="center" wrapText="1"/>
    </xf>
    <xf numFmtId="177" fontId="9" fillId="2" borderId="27" xfId="1" applyNumberFormat="1" applyFont="1" applyFill="1" applyBorder="1" applyAlignment="1">
      <alignment horizontal="center" vertical="center" wrapText="1"/>
    </xf>
    <xf numFmtId="0" fontId="9" fillId="5" borderId="106" xfId="1" applyFont="1" applyFill="1" applyBorder="1" applyAlignment="1">
      <alignment horizontal="center" vertical="center" textRotation="255" wrapText="1"/>
    </xf>
    <xf numFmtId="0" fontId="9" fillId="2" borderId="76" xfId="1" applyFont="1" applyFill="1" applyBorder="1" applyAlignment="1">
      <alignment horizontal="center" vertical="center" wrapText="1"/>
    </xf>
    <xf numFmtId="0" fontId="9" fillId="2" borderId="74" xfId="1" applyFont="1" applyFill="1" applyBorder="1" applyAlignment="1">
      <alignment horizontal="right" vertical="center" wrapText="1"/>
    </xf>
    <xf numFmtId="0" fontId="9" fillId="2" borderId="76" xfId="1" applyFont="1" applyFill="1" applyBorder="1" applyAlignment="1">
      <alignment horizontal="right" vertical="center" wrapText="1"/>
    </xf>
    <xf numFmtId="177" fontId="9" fillId="2" borderId="75" xfId="1" applyNumberFormat="1" applyFont="1" applyFill="1" applyBorder="1" applyAlignment="1">
      <alignment horizontal="center" vertical="center" wrapText="1"/>
    </xf>
    <xf numFmtId="177" fontId="9" fillId="2" borderId="76" xfId="1" applyNumberFormat="1" applyFont="1" applyFill="1" applyBorder="1" applyAlignment="1">
      <alignment horizontal="center" vertical="center" wrapText="1"/>
    </xf>
    <xf numFmtId="0" fontId="9" fillId="2" borderId="76" xfId="1" applyFont="1" applyFill="1" applyBorder="1" applyAlignment="1">
      <alignment horizontal="center" vertical="center" wrapText="1"/>
    </xf>
    <xf numFmtId="177" fontId="9" fillId="2" borderId="76" xfId="1" applyNumberFormat="1" applyFont="1" applyFill="1" applyBorder="1" applyAlignment="1">
      <alignment horizontal="center" vertical="center" wrapText="1"/>
    </xf>
    <xf numFmtId="0" fontId="16" fillId="2" borderId="77" xfId="1" applyFont="1" applyFill="1" applyBorder="1" applyAlignment="1">
      <alignment vertical="center"/>
    </xf>
    <xf numFmtId="0" fontId="9" fillId="5" borderId="132" xfId="1" applyFont="1" applyFill="1" applyBorder="1" applyAlignment="1">
      <alignment horizontal="left" vertical="center" wrapText="1"/>
    </xf>
    <xf numFmtId="0" fontId="9" fillId="2" borderId="0" xfId="1" applyFont="1" applyFill="1" applyAlignment="1">
      <alignment horizontal="left" vertical="center" wrapText="1" indent="5"/>
    </xf>
    <xf numFmtId="0" fontId="9" fillId="2" borderId="0" xfId="1" applyFont="1" applyFill="1" applyAlignment="1">
      <alignment horizontal="left" vertical="center" wrapText="1"/>
    </xf>
    <xf numFmtId="0" fontId="17" fillId="2" borderId="0" xfId="1" applyFont="1" applyFill="1" applyAlignment="1">
      <alignment horizontal="left" vertical="top" wrapText="1"/>
    </xf>
    <xf numFmtId="0" fontId="47" fillId="2" borderId="87" xfId="1" applyFont="1" applyFill="1" applyBorder="1" applyAlignment="1">
      <alignment horizontal="left" vertical="center" wrapText="1"/>
    </xf>
    <xf numFmtId="0" fontId="9" fillId="2" borderId="137" xfId="1" applyFont="1" applyFill="1" applyBorder="1" applyAlignment="1">
      <alignment horizontal="center" vertical="center" textRotation="255" wrapText="1"/>
    </xf>
    <xf numFmtId="0" fontId="9" fillId="2" borderId="105" xfId="1" applyFont="1" applyFill="1" applyBorder="1" applyAlignment="1">
      <alignment horizontal="center" vertical="center" wrapText="1"/>
    </xf>
    <xf numFmtId="0" fontId="9" fillId="2" borderId="81" xfId="1" applyFont="1" applyFill="1" applyBorder="1" applyAlignment="1">
      <alignment horizontal="center" vertical="center" wrapText="1"/>
    </xf>
    <xf numFmtId="0" fontId="9" fillId="2" borderId="104" xfId="1" applyFont="1" applyFill="1" applyBorder="1" applyAlignment="1">
      <alignment horizontal="center" vertical="center" wrapText="1"/>
    </xf>
    <xf numFmtId="0" fontId="9" fillId="2" borderId="105" xfId="1" applyFont="1" applyFill="1" applyBorder="1" applyAlignment="1">
      <alignment horizontal="left" vertical="center" wrapText="1"/>
    </xf>
    <xf numFmtId="0" fontId="9" fillId="2" borderId="33" xfId="1" applyFont="1" applyFill="1" applyBorder="1" applyAlignment="1">
      <alignment horizontal="center" vertical="center" textRotation="255" wrapText="1"/>
    </xf>
    <xf numFmtId="0" fontId="9" fillId="2" borderId="34" xfId="1" applyFont="1" applyFill="1" applyBorder="1" applyAlignment="1">
      <alignment horizontal="left" vertical="center" wrapText="1"/>
    </xf>
    <xf numFmtId="0" fontId="9" fillId="2" borderId="38" xfId="1" applyFont="1" applyFill="1" applyBorder="1" applyAlignment="1">
      <alignment horizontal="left" vertical="center" wrapText="1"/>
    </xf>
    <xf numFmtId="0" fontId="9" fillId="2" borderId="92" xfId="1" applyFont="1" applyFill="1" applyBorder="1" applyAlignment="1">
      <alignment horizontal="left" vertical="center" wrapText="1"/>
    </xf>
    <xf numFmtId="0" fontId="9" fillId="2" borderId="43" xfId="1" applyFont="1" applyFill="1" applyBorder="1" applyAlignment="1">
      <alignment horizontal="center" vertical="center" wrapText="1"/>
    </xf>
    <xf numFmtId="0" fontId="13" fillId="2" borderId="43" xfId="3" applyFont="1" applyFill="1" applyBorder="1" applyAlignment="1">
      <alignment horizontal="left" vertical="center" wrapText="1"/>
    </xf>
    <xf numFmtId="0" fontId="13" fillId="2" borderId="0" xfId="3" applyFont="1" applyFill="1" applyAlignment="1">
      <alignment horizontal="left" vertical="center" wrapText="1"/>
    </xf>
    <xf numFmtId="0" fontId="13" fillId="2" borderId="119" xfId="3" applyFont="1" applyFill="1" applyBorder="1" applyAlignment="1">
      <alignment horizontal="left" vertical="center" wrapText="1"/>
    </xf>
    <xf numFmtId="0" fontId="9" fillId="2" borderId="57" xfId="1" applyFont="1" applyFill="1" applyBorder="1" applyAlignment="1">
      <alignment horizontal="center" vertical="center" wrapText="1"/>
    </xf>
    <xf numFmtId="0" fontId="9" fillId="2" borderId="11" xfId="1" applyFont="1" applyFill="1" applyBorder="1" applyAlignment="1">
      <alignment horizontal="center" vertical="center" wrapText="1"/>
    </xf>
    <xf numFmtId="0" fontId="9" fillId="2" borderId="58" xfId="1" applyFont="1" applyFill="1" applyBorder="1" applyAlignment="1">
      <alignment horizontal="center" vertical="center" wrapText="1"/>
    </xf>
    <xf numFmtId="0" fontId="9" fillId="2" borderId="43" xfId="1" applyFont="1" applyFill="1" applyBorder="1" applyAlignment="1">
      <alignment horizontal="left" vertical="center" wrapText="1"/>
    </xf>
    <xf numFmtId="49" fontId="9" fillId="2" borderId="34" xfId="1" applyNumberFormat="1" applyFont="1" applyFill="1" applyBorder="1" applyAlignment="1">
      <alignment horizontal="left" vertical="center" wrapText="1"/>
    </xf>
    <xf numFmtId="49" fontId="9" fillId="2" borderId="38" xfId="1" applyNumberFormat="1" applyFont="1" applyFill="1" applyBorder="1" applyAlignment="1">
      <alignment horizontal="left" vertical="center" wrapText="1"/>
    </xf>
    <xf numFmtId="49" fontId="9" fillId="2" borderId="21" xfId="1" applyNumberFormat="1" applyFont="1" applyFill="1" applyBorder="1" applyAlignment="1">
      <alignment horizontal="center" vertical="center" wrapText="1"/>
    </xf>
    <xf numFmtId="49" fontId="9" fillId="2" borderId="98" xfId="1" applyNumberFormat="1" applyFont="1" applyFill="1" applyBorder="1" applyAlignment="1">
      <alignment horizontal="left" vertical="center" wrapText="1"/>
    </xf>
    <xf numFmtId="49" fontId="9" fillId="2" borderId="92" xfId="1" applyNumberFormat="1" applyFont="1" applyFill="1" applyBorder="1" applyAlignment="1">
      <alignment horizontal="left" vertical="center" wrapText="1"/>
    </xf>
    <xf numFmtId="0" fontId="9" fillId="2" borderId="138" xfId="1" applyFont="1" applyFill="1" applyBorder="1" applyAlignment="1">
      <alignment horizontal="center" vertical="center" textRotation="255" wrapText="1"/>
    </xf>
    <xf numFmtId="0" fontId="9" fillId="2" borderId="31" xfId="1" applyFont="1" applyFill="1" applyBorder="1" applyAlignment="1">
      <alignment horizontal="center" vertical="center" wrapText="1"/>
    </xf>
    <xf numFmtId="49" fontId="9" fillId="2" borderId="57" xfId="1" applyNumberFormat="1" applyFont="1" applyFill="1" applyBorder="1" applyAlignment="1">
      <alignment horizontal="left" vertical="center" wrapText="1"/>
    </xf>
    <xf numFmtId="49" fontId="9" fillId="2" borderId="11" xfId="1" applyNumberFormat="1" applyFont="1" applyFill="1" applyBorder="1" applyAlignment="1">
      <alignment horizontal="left" vertical="center" wrapText="1"/>
    </xf>
    <xf numFmtId="49" fontId="9" fillId="2" borderId="12" xfId="1" applyNumberFormat="1" applyFont="1" applyFill="1" applyBorder="1" applyAlignment="1">
      <alignment horizontal="left" vertical="center" wrapText="1"/>
    </xf>
    <xf numFmtId="0" fontId="9" fillId="5" borderId="83" xfId="1" applyFont="1" applyFill="1" applyBorder="1" applyAlignment="1">
      <alignment horizontal="left" vertical="center" wrapText="1"/>
    </xf>
    <xf numFmtId="0" fontId="9" fillId="5" borderId="8" xfId="1" applyFont="1" applyFill="1" applyBorder="1" applyAlignment="1">
      <alignment horizontal="left" vertical="center" wrapText="1"/>
    </xf>
    <xf numFmtId="0" fontId="9" fillId="5" borderId="9" xfId="1" applyFont="1" applyFill="1" applyBorder="1" applyAlignment="1">
      <alignment horizontal="left" vertical="center" wrapText="1"/>
    </xf>
    <xf numFmtId="0" fontId="28" fillId="2" borderId="125" xfId="1" applyFont="1" applyFill="1" applyBorder="1" applyAlignment="1">
      <alignment horizontal="center" vertical="center" wrapText="1"/>
    </xf>
    <xf numFmtId="0" fontId="28" fillId="2" borderId="76" xfId="1" applyFont="1" applyFill="1" applyBorder="1" applyAlignment="1">
      <alignment horizontal="center" vertical="center" wrapText="1"/>
    </xf>
    <xf numFmtId="0" fontId="28" fillId="2" borderId="75" xfId="1" applyFont="1" applyFill="1" applyBorder="1" applyAlignment="1">
      <alignment horizontal="center" vertical="center" wrapText="1"/>
    </xf>
    <xf numFmtId="0" fontId="28" fillId="2" borderId="74" xfId="1" applyFont="1" applyFill="1" applyBorder="1" applyAlignment="1">
      <alignment horizontal="center" vertical="center" wrapText="1"/>
    </xf>
    <xf numFmtId="0" fontId="39" fillId="2" borderId="75" xfId="1" applyFont="1" applyFill="1" applyBorder="1" applyAlignment="1">
      <alignment horizontal="center" vertical="center"/>
    </xf>
    <xf numFmtId="0" fontId="9" fillId="2" borderId="77" xfId="1" applyFont="1" applyFill="1" applyBorder="1" applyAlignment="1">
      <alignment vertical="center" wrapText="1"/>
    </xf>
    <xf numFmtId="0" fontId="11" fillId="5" borderId="1" xfId="1" applyFont="1" applyFill="1" applyBorder="1" applyAlignment="1">
      <alignment horizontal="center" vertical="center" textRotation="255" wrapText="1"/>
    </xf>
    <xf numFmtId="0" fontId="11" fillId="5" borderId="5" xfId="1" applyFont="1" applyFill="1" applyBorder="1" applyAlignment="1">
      <alignment horizontal="center" vertical="center" textRotation="255" wrapText="1"/>
    </xf>
    <xf numFmtId="0" fontId="9" fillId="2" borderId="85" xfId="1" applyFont="1" applyFill="1" applyBorder="1" applyAlignment="1">
      <alignment horizontal="left" vertical="center" wrapText="1"/>
    </xf>
    <xf numFmtId="0" fontId="11" fillId="5" borderId="106" xfId="1" applyFont="1" applyFill="1" applyBorder="1" applyAlignment="1">
      <alignment horizontal="center" vertical="center" textRotation="255" wrapText="1"/>
    </xf>
    <xf numFmtId="0" fontId="9" fillId="2" borderId="139" xfId="1" applyFont="1" applyFill="1" applyBorder="1" applyAlignment="1">
      <alignment horizontal="center" vertical="center" wrapText="1"/>
    </xf>
    <xf numFmtId="0" fontId="9" fillId="2" borderId="65" xfId="1" applyFont="1" applyFill="1" applyBorder="1" applyAlignment="1">
      <alignment horizontal="center" vertical="center" wrapText="1"/>
    </xf>
    <xf numFmtId="0" fontId="9" fillId="2" borderId="66" xfId="1" applyFont="1" applyFill="1" applyBorder="1" applyAlignment="1">
      <alignment horizontal="center" vertical="center" wrapText="1"/>
    </xf>
    <xf numFmtId="0" fontId="6" fillId="2" borderId="140" xfId="1" applyFont="1" applyFill="1" applyBorder="1" applyAlignment="1">
      <alignment horizontal="center" vertical="center"/>
    </xf>
    <xf numFmtId="0" fontId="6" fillId="2" borderId="79" xfId="1" applyFont="1" applyFill="1" applyBorder="1" applyAlignment="1">
      <alignment horizontal="center" vertical="center"/>
    </xf>
    <xf numFmtId="49" fontId="7" fillId="0" borderId="140" xfId="1" applyNumberFormat="1" applyFont="1" applyBorder="1" applyAlignment="1">
      <alignment horizontal="left" vertical="top"/>
    </xf>
    <xf numFmtId="49" fontId="7" fillId="0" borderId="79" xfId="1" applyNumberFormat="1" applyFont="1" applyBorder="1" applyAlignment="1">
      <alignment horizontal="left" vertical="top"/>
    </xf>
    <xf numFmtId="49" fontId="7" fillId="0" borderId="141" xfId="1" applyNumberFormat="1" applyFont="1" applyBorder="1" applyAlignment="1">
      <alignment horizontal="left" vertical="top"/>
    </xf>
    <xf numFmtId="0" fontId="22" fillId="2" borderId="25" xfId="1" applyFont="1" applyFill="1" applyBorder="1" applyAlignment="1">
      <alignment horizontal="center" vertical="top" wrapText="1"/>
    </xf>
    <xf numFmtId="0" fontId="22" fillId="2" borderId="26" xfId="1" applyFont="1" applyFill="1" applyBorder="1" applyAlignment="1">
      <alignment horizontal="center" vertical="top" wrapText="1"/>
    </xf>
    <xf numFmtId="0" fontId="22" fillId="2" borderId="96" xfId="1" applyFont="1" applyFill="1" applyBorder="1" applyAlignment="1">
      <alignment horizontal="center" vertical="top" wrapText="1"/>
    </xf>
    <xf numFmtId="0" fontId="22" fillId="2" borderId="35" xfId="1" applyFont="1" applyFill="1" applyBorder="1" applyAlignment="1">
      <alignment horizontal="left" vertical="center" wrapText="1"/>
    </xf>
    <xf numFmtId="0" fontId="22" fillId="2" borderId="26" xfId="1" applyFont="1" applyFill="1" applyBorder="1" applyAlignment="1">
      <alignment horizontal="left" vertical="center" wrapText="1"/>
    </xf>
    <xf numFmtId="0" fontId="22" fillId="2" borderId="28" xfId="1" applyFont="1" applyFill="1" applyBorder="1" applyAlignment="1">
      <alignment horizontal="left" vertical="center" wrapText="1"/>
    </xf>
    <xf numFmtId="0" fontId="22" fillId="2" borderId="51" xfId="1" applyFont="1" applyFill="1" applyBorder="1" applyAlignment="1">
      <alignment horizontal="center" vertical="center" wrapText="1"/>
    </xf>
    <xf numFmtId="0" fontId="22" fillId="2" borderId="117" xfId="1" applyFont="1" applyFill="1" applyBorder="1" applyAlignment="1">
      <alignment horizontal="center" vertical="center" wrapText="1"/>
    </xf>
    <xf numFmtId="0" fontId="22" fillId="2" borderId="101" xfId="1" applyFont="1" applyFill="1" applyBorder="1" applyAlignment="1">
      <alignment horizontal="center" vertical="center" wrapText="1"/>
    </xf>
    <xf numFmtId="0" fontId="22" fillId="2" borderId="85" xfId="1" applyFont="1" applyFill="1" applyBorder="1" applyAlignment="1">
      <alignment horizontal="center" vertical="center" wrapText="1"/>
    </xf>
    <xf numFmtId="0" fontId="25" fillId="2" borderId="15" xfId="1" applyFont="1" applyFill="1" applyBorder="1" applyAlignment="1">
      <alignment horizontal="center" vertical="center"/>
    </xf>
    <xf numFmtId="0" fontId="22" fillId="2" borderId="15" xfId="1" applyFont="1" applyFill="1" applyBorder="1" applyAlignment="1">
      <alignment horizontal="center" vertical="center" wrapText="1"/>
    </xf>
    <xf numFmtId="0" fontId="22" fillId="2" borderId="16" xfId="1" applyFont="1" applyFill="1" applyBorder="1" applyAlignment="1">
      <alignment vertical="center" wrapText="1"/>
    </xf>
    <xf numFmtId="0" fontId="22" fillId="2" borderId="44" xfId="1" applyFont="1" applyFill="1" applyBorder="1" applyAlignment="1">
      <alignment horizontal="center" vertical="center" wrapText="1"/>
    </xf>
    <xf numFmtId="0" fontId="22" fillId="2" borderId="42" xfId="1" applyFont="1" applyFill="1" applyBorder="1" applyAlignment="1">
      <alignment horizontal="center" vertical="center" wrapText="1"/>
    </xf>
    <xf numFmtId="176" fontId="22" fillId="2" borderId="14" xfId="1" applyNumberFormat="1" applyFont="1" applyFill="1" applyBorder="1" applyAlignment="1">
      <alignment horizontal="left" vertical="center" wrapText="1"/>
    </xf>
    <xf numFmtId="176" fontId="22" fillId="2" borderId="15" xfId="1" applyNumberFormat="1" applyFont="1" applyFill="1" applyBorder="1" applyAlignment="1">
      <alignment horizontal="left" vertical="center" wrapText="1"/>
    </xf>
    <xf numFmtId="176" fontId="22" fillId="2" borderId="42" xfId="1" applyNumberFormat="1" applyFont="1" applyFill="1" applyBorder="1" applyAlignment="1">
      <alignment horizontal="left" vertical="center" wrapText="1"/>
    </xf>
    <xf numFmtId="0" fontId="22" fillId="2" borderId="0" xfId="1" applyFont="1" applyFill="1" applyBorder="1" applyAlignment="1">
      <alignment horizontal="center" vertical="center" wrapText="1"/>
    </xf>
    <xf numFmtId="0" fontId="22" fillId="2" borderId="0" xfId="1" applyFont="1" applyFill="1" applyBorder="1" applyAlignment="1">
      <alignment horizontal="left" vertical="center" wrapText="1"/>
    </xf>
    <xf numFmtId="0" fontId="22" fillId="2" borderId="54" xfId="1" applyFont="1" applyFill="1" applyBorder="1" applyAlignment="1">
      <alignment horizontal="center" vertical="center" textRotation="255" wrapText="1"/>
    </xf>
    <xf numFmtId="0" fontId="28" fillId="0" borderId="10" xfId="1" applyFont="1" applyFill="1" applyBorder="1" applyAlignment="1">
      <alignment horizontal="center" vertical="center" wrapText="1"/>
    </xf>
    <xf numFmtId="0" fontId="28" fillId="0" borderId="20" xfId="1" applyFont="1" applyFill="1" applyBorder="1" applyAlignment="1">
      <alignment horizontal="center" vertical="center" wrapText="1"/>
    </xf>
    <xf numFmtId="0" fontId="28" fillId="0" borderId="100" xfId="1" applyFont="1" applyFill="1" applyBorder="1" applyAlignment="1">
      <alignment horizontal="center" vertical="center" wrapText="1"/>
    </xf>
    <xf numFmtId="0" fontId="38" fillId="0" borderId="142" xfId="1" applyFont="1" applyFill="1" applyBorder="1" applyAlignment="1">
      <alignment horizontal="center" vertical="center" wrapText="1"/>
    </xf>
    <xf numFmtId="0" fontId="38" fillId="0" borderId="27" xfId="1" applyFont="1" applyFill="1" applyBorder="1" applyAlignment="1">
      <alignment horizontal="center" vertical="center" wrapText="1"/>
    </xf>
    <xf numFmtId="0" fontId="38" fillId="0" borderId="143" xfId="1" applyFont="1" applyFill="1" applyBorder="1" applyAlignment="1">
      <alignment horizontal="center" vertical="center" wrapText="1"/>
    </xf>
    <xf numFmtId="0" fontId="35" fillId="0" borderId="8" xfId="1" applyFont="1" applyFill="1" applyBorder="1" applyAlignment="1">
      <alignment horizontal="center" vertical="center" wrapText="1"/>
    </xf>
    <xf numFmtId="0" fontId="35" fillId="0" borderId="10" xfId="1" applyFont="1" applyFill="1" applyBorder="1" applyAlignment="1">
      <alignment horizontal="center" vertical="center" wrapText="1"/>
    </xf>
    <xf numFmtId="0" fontId="48" fillId="2" borderId="10" xfId="1" applyFont="1" applyFill="1" applyBorder="1" applyAlignment="1">
      <alignment vertical="center"/>
    </xf>
    <xf numFmtId="0" fontId="49" fillId="2" borderId="10" xfId="1" applyFont="1" applyFill="1" applyBorder="1" applyAlignment="1">
      <alignment horizontal="center" vertical="center" wrapText="1"/>
    </xf>
    <xf numFmtId="0" fontId="49" fillId="2" borderId="100" xfId="1" applyFont="1" applyFill="1" applyBorder="1" applyAlignment="1">
      <alignment horizontal="center" vertical="center" wrapText="1"/>
    </xf>
    <xf numFmtId="0" fontId="38" fillId="0" borderId="43" xfId="1" applyFont="1" applyFill="1" applyBorder="1" applyAlignment="1">
      <alignment horizontal="center" vertical="center" wrapText="1"/>
    </xf>
    <xf numFmtId="0" fontId="38" fillId="0" borderId="0" xfId="1" applyFont="1" applyFill="1" applyBorder="1" applyAlignment="1">
      <alignment horizontal="center" vertical="center" wrapText="1"/>
    </xf>
    <xf numFmtId="0" fontId="38" fillId="0" borderId="55" xfId="1" applyFont="1" applyFill="1" applyBorder="1" applyAlignment="1">
      <alignment horizontal="center" vertical="center" wrapText="1"/>
    </xf>
    <xf numFmtId="0" fontId="50" fillId="0" borderId="27" xfId="1" applyFont="1" applyFill="1" applyBorder="1" applyAlignment="1">
      <alignment horizontal="center" vertical="center" wrapText="1"/>
    </xf>
    <xf numFmtId="0" fontId="38" fillId="0" borderId="45" xfId="1" applyFont="1" applyFill="1" applyBorder="1" applyAlignment="1">
      <alignment horizontal="center" vertical="center" wrapText="1"/>
    </xf>
    <xf numFmtId="0" fontId="38" fillId="0" borderId="46" xfId="1" applyFont="1" applyFill="1" applyBorder="1" applyAlignment="1">
      <alignment horizontal="center" vertical="center" wrapText="1"/>
    </xf>
    <xf numFmtId="0" fontId="38" fillId="0" borderId="47" xfId="1" applyFont="1" applyFill="1" applyBorder="1" applyAlignment="1">
      <alignment horizontal="center" vertical="center" wrapText="1"/>
    </xf>
    <xf numFmtId="0" fontId="38" fillId="0" borderId="31" xfId="1" applyFont="1" applyFill="1" applyBorder="1" applyAlignment="1">
      <alignment horizontal="center" vertical="center" wrapText="1"/>
    </xf>
    <xf numFmtId="0" fontId="38" fillId="0" borderId="8" xfId="1" applyFont="1" applyFill="1" applyBorder="1" applyAlignment="1">
      <alignment horizontal="center" vertical="center" wrapText="1"/>
    </xf>
    <xf numFmtId="0" fontId="38" fillId="0" borderId="130" xfId="1" applyFont="1" applyFill="1" applyBorder="1" applyAlignment="1">
      <alignment horizontal="center" vertical="center" wrapText="1"/>
    </xf>
    <xf numFmtId="0" fontId="50" fillId="0" borderId="8" xfId="1" applyFont="1" applyFill="1" applyBorder="1" applyAlignment="1">
      <alignment horizontal="center" vertical="center" wrapText="1"/>
    </xf>
    <xf numFmtId="0" fontId="38" fillId="0" borderId="48" xfId="1" applyFont="1" applyFill="1" applyBorder="1" applyAlignment="1">
      <alignment horizontal="center" vertical="center" wrapText="1"/>
    </xf>
    <xf numFmtId="0" fontId="38" fillId="0" borderId="49" xfId="1" applyFont="1" applyFill="1" applyBorder="1" applyAlignment="1">
      <alignment horizontal="center" vertical="center" wrapText="1"/>
    </xf>
    <xf numFmtId="0" fontId="38" fillId="0" borderId="50" xfId="1" applyFont="1" applyFill="1" applyBorder="1" applyAlignment="1">
      <alignment horizontal="center" vertical="center" wrapText="1"/>
    </xf>
    <xf numFmtId="0" fontId="22" fillId="5" borderId="22" xfId="1" applyFont="1" applyFill="1" applyBorder="1" applyAlignment="1">
      <alignment horizontal="left" vertical="center"/>
    </xf>
    <xf numFmtId="0" fontId="22" fillId="5" borderId="23" xfId="1" applyFont="1" applyFill="1" applyBorder="1" applyAlignment="1">
      <alignment horizontal="left" vertical="center"/>
    </xf>
    <xf numFmtId="0" fontId="22" fillId="2" borderId="74" xfId="1" applyFont="1" applyFill="1" applyBorder="1" applyAlignment="1">
      <alignment horizontal="center" vertical="center"/>
    </xf>
    <xf numFmtId="0" fontId="22" fillId="2" borderId="76" xfId="1" applyFont="1" applyFill="1" applyBorder="1" applyAlignment="1">
      <alignment horizontal="center" vertical="center"/>
    </xf>
    <xf numFmtId="0" fontId="22" fillId="2" borderId="76" xfId="1" applyFont="1" applyFill="1" applyBorder="1" applyAlignment="1">
      <alignment horizontal="center" vertical="center"/>
    </xf>
    <xf numFmtId="0" fontId="6" fillId="2" borderId="75" xfId="1" applyFont="1" applyFill="1" applyBorder="1" applyAlignment="1">
      <alignment horizontal="center" vertical="center" wrapText="1"/>
    </xf>
    <xf numFmtId="0" fontId="6" fillId="2" borderId="77" xfId="1" applyFont="1" applyFill="1" applyBorder="1" applyAlignment="1">
      <alignment horizontal="center" vertical="center" wrapText="1"/>
    </xf>
    <xf numFmtId="0" fontId="22" fillId="5" borderId="144" xfId="1" applyFont="1" applyFill="1" applyBorder="1" applyAlignment="1">
      <alignment horizontal="center" vertical="center" textRotation="255"/>
    </xf>
    <xf numFmtId="0" fontId="22" fillId="5" borderId="3" xfId="1" applyFont="1" applyFill="1" applyBorder="1" applyAlignment="1">
      <alignment horizontal="left" vertical="center"/>
    </xf>
    <xf numFmtId="0" fontId="22" fillId="5" borderId="4" xfId="1" applyFont="1" applyFill="1" applyBorder="1" applyAlignment="1">
      <alignment horizontal="left" vertical="center"/>
    </xf>
    <xf numFmtId="0" fontId="22" fillId="5" borderId="145" xfId="1" applyFont="1" applyFill="1" applyBorder="1" applyAlignment="1">
      <alignment horizontal="center" vertical="center" textRotation="255"/>
    </xf>
    <xf numFmtId="0" fontId="22" fillId="2" borderId="84" xfId="1" applyFont="1" applyFill="1" applyBorder="1" applyAlignment="1">
      <alignment horizontal="center" vertical="center"/>
    </xf>
    <xf numFmtId="0" fontId="22" fillId="2" borderId="27" xfId="1" applyFont="1" applyFill="1" applyBorder="1" applyAlignment="1">
      <alignment horizontal="center" vertical="center"/>
    </xf>
    <xf numFmtId="0" fontId="22" fillId="2" borderId="85" xfId="1" applyFont="1" applyFill="1" applyBorder="1" applyAlignment="1">
      <alignment horizontal="center" vertical="center"/>
    </xf>
    <xf numFmtId="0" fontId="22" fillId="2" borderId="20" xfId="1" applyFont="1" applyFill="1" applyBorder="1" applyAlignment="1">
      <alignment horizontal="center" vertical="center"/>
    </xf>
    <xf numFmtId="0" fontId="22" fillId="2" borderId="22" xfId="1" applyFont="1" applyFill="1" applyBorder="1" applyAlignment="1">
      <alignment horizontal="center" vertical="center"/>
    </xf>
    <xf numFmtId="0" fontId="22" fillId="2" borderId="21" xfId="1" applyFont="1" applyFill="1" applyBorder="1" applyAlignment="1">
      <alignment horizontal="center" vertical="center"/>
    </xf>
    <xf numFmtId="0" fontId="22" fillId="2" borderId="22" xfId="1" applyFont="1" applyFill="1" applyBorder="1" applyAlignment="1">
      <alignment horizontal="center" vertical="center" wrapText="1"/>
    </xf>
    <xf numFmtId="0" fontId="22" fillId="2" borderId="21" xfId="1" applyFont="1" applyFill="1" applyBorder="1" applyAlignment="1">
      <alignment horizontal="center" vertical="center" wrapText="1"/>
    </xf>
    <xf numFmtId="0" fontId="22" fillId="2" borderId="23" xfId="1" applyFont="1" applyFill="1" applyBorder="1" applyAlignment="1">
      <alignment horizontal="center" vertical="center" wrapText="1"/>
    </xf>
    <xf numFmtId="0" fontId="22" fillId="2" borderId="54" xfId="1" applyFont="1" applyFill="1" applyBorder="1" applyAlignment="1">
      <alignment horizontal="center" vertical="center"/>
    </xf>
    <xf numFmtId="0" fontId="22" fillId="2" borderId="0" xfId="1" applyFont="1" applyFill="1" applyAlignment="1">
      <alignment horizontal="center" vertical="center"/>
    </xf>
    <xf numFmtId="0" fontId="22" fillId="2" borderId="44" xfId="1" applyFont="1" applyFill="1" applyBorder="1" applyAlignment="1">
      <alignment horizontal="center" vertical="center"/>
    </xf>
    <xf numFmtId="0" fontId="22" fillId="2" borderId="44" xfId="1" applyFont="1" applyFill="1" applyBorder="1" applyAlignment="1">
      <alignment vertical="center" wrapText="1"/>
    </xf>
    <xf numFmtId="0" fontId="22" fillId="2" borderId="0" xfId="1" applyFont="1" applyFill="1" applyAlignment="1">
      <alignment vertical="center" wrapText="1"/>
    </xf>
    <xf numFmtId="0" fontId="22" fillId="2" borderId="129" xfId="1" applyFont="1" applyFill="1" applyBorder="1" applyAlignment="1">
      <alignment horizontal="center" vertical="center" wrapText="1"/>
    </xf>
    <xf numFmtId="0" fontId="51" fillId="5" borderId="22" xfId="1" applyFont="1" applyFill="1" applyBorder="1" applyAlignment="1">
      <alignment horizontal="left" vertical="center"/>
    </xf>
    <xf numFmtId="0" fontId="51" fillId="5" borderId="23" xfId="1" applyFont="1" applyFill="1" applyBorder="1" applyAlignment="1">
      <alignment horizontal="left" vertical="center"/>
    </xf>
    <xf numFmtId="0" fontId="6" fillId="2" borderId="27" xfId="1" applyFont="1" applyFill="1" applyBorder="1" applyAlignment="1">
      <alignment horizontal="center" vertical="center"/>
    </xf>
    <xf numFmtId="0" fontId="6" fillId="2" borderId="85" xfId="1" applyFont="1" applyFill="1" applyBorder="1" applyAlignment="1">
      <alignment horizontal="center" vertical="center"/>
    </xf>
    <xf numFmtId="0" fontId="6" fillId="2" borderId="21" xfId="1" applyFont="1" applyFill="1" applyBorder="1" applyAlignment="1">
      <alignment horizontal="center" vertical="center"/>
    </xf>
    <xf numFmtId="0" fontId="6" fillId="2" borderId="20" xfId="1" applyFont="1" applyFill="1" applyBorder="1" applyAlignment="1">
      <alignment horizontal="center" vertical="center"/>
    </xf>
    <xf numFmtId="0" fontId="6" fillId="2" borderId="23" xfId="1" applyFont="1" applyFill="1" applyBorder="1" applyAlignment="1">
      <alignment horizontal="center" vertical="center"/>
    </xf>
    <xf numFmtId="0" fontId="6" fillId="2" borderId="0" xfId="1" applyFont="1" applyFill="1" applyAlignment="1">
      <alignment horizontal="center" vertical="center"/>
    </xf>
    <xf numFmtId="0" fontId="6" fillId="2" borderId="44" xfId="1" applyFont="1" applyFill="1" applyBorder="1" applyAlignment="1">
      <alignment horizontal="center" vertical="center"/>
    </xf>
    <xf numFmtId="0" fontId="6" fillId="2" borderId="8" xfId="1" applyFont="1" applyFill="1" applyBorder="1" applyAlignment="1">
      <alignment horizontal="center" vertical="center"/>
    </xf>
    <xf numFmtId="0" fontId="6" fillId="2" borderId="32" xfId="1" applyFont="1" applyFill="1" applyBorder="1" applyAlignment="1">
      <alignment horizontal="center" vertical="center"/>
    </xf>
    <xf numFmtId="0" fontId="6" fillId="2" borderId="20" xfId="1" applyFont="1" applyFill="1" applyBorder="1" applyAlignment="1">
      <alignment horizontal="left" vertical="center"/>
    </xf>
    <xf numFmtId="0" fontId="6" fillId="2" borderId="22" xfId="1" applyFont="1" applyFill="1" applyBorder="1" applyAlignment="1">
      <alignment horizontal="left" vertical="center"/>
    </xf>
    <xf numFmtId="0" fontId="6" fillId="2" borderId="23" xfId="1" applyFont="1" applyFill="1" applyBorder="1" applyAlignment="1">
      <alignment horizontal="left" vertical="center"/>
    </xf>
    <xf numFmtId="0" fontId="6" fillId="2" borderId="84" xfId="1" applyFont="1" applyFill="1" applyBorder="1" applyAlignment="1">
      <alignment horizontal="center" vertical="center" wrapText="1"/>
    </xf>
    <xf numFmtId="0" fontId="6" fillId="2" borderId="22" xfId="1" applyFont="1" applyFill="1" applyBorder="1" applyAlignment="1">
      <alignment horizontal="center" vertical="center" wrapText="1"/>
    </xf>
    <xf numFmtId="0" fontId="6" fillId="2" borderId="5" xfId="1" applyFont="1" applyFill="1" applyBorder="1" applyAlignment="1">
      <alignment vertical="center" wrapText="1"/>
    </xf>
    <xf numFmtId="0" fontId="6" fillId="2" borderId="54" xfId="1" applyFont="1" applyFill="1" applyBorder="1" applyAlignment="1">
      <alignment vertical="center" wrapText="1"/>
    </xf>
    <xf numFmtId="0" fontId="6" fillId="2" borderId="83" xfId="1" applyFont="1" applyFill="1" applyBorder="1" applyAlignment="1">
      <alignment vertical="center" wrapText="1"/>
    </xf>
    <xf numFmtId="0" fontId="6" fillId="2" borderId="125" xfId="1" applyFont="1" applyFill="1" applyBorder="1" applyAlignment="1">
      <alignment horizontal="center" vertical="center" wrapText="1"/>
    </xf>
    <xf numFmtId="0" fontId="44" fillId="2" borderId="76" xfId="1" applyFont="1" applyFill="1" applyBorder="1" applyAlignment="1">
      <alignment vertical="center"/>
    </xf>
    <xf numFmtId="0" fontId="22" fillId="2" borderId="133" xfId="1" applyFont="1" applyFill="1" applyBorder="1" applyAlignment="1">
      <alignment horizontal="center" vertical="center" wrapText="1"/>
    </xf>
    <xf numFmtId="0" fontId="22" fillId="2" borderId="68" xfId="1" applyFont="1" applyFill="1" applyBorder="1" applyAlignment="1">
      <alignment horizontal="center" vertical="center" wrapText="1"/>
    </xf>
    <xf numFmtId="0" fontId="22" fillId="2" borderId="146" xfId="1" applyFont="1" applyFill="1" applyBorder="1" applyAlignment="1">
      <alignment horizontal="left" vertical="center" wrapText="1"/>
    </xf>
    <xf numFmtId="0" fontId="22" fillId="2" borderId="68" xfId="1" applyFont="1" applyFill="1" applyBorder="1" applyAlignment="1">
      <alignment horizontal="left" vertical="center" wrapText="1"/>
    </xf>
    <xf numFmtId="0" fontId="22" fillId="2" borderId="136" xfId="1" applyFont="1" applyFill="1" applyBorder="1" applyAlignment="1">
      <alignment horizontal="left" vertical="center" wrapText="1"/>
    </xf>
    <xf numFmtId="0" fontId="22" fillId="2" borderId="0" xfId="1" applyFont="1" applyFill="1" applyAlignment="1">
      <alignment horizontal="left" vertical="center" wrapText="1"/>
    </xf>
    <xf numFmtId="0" fontId="52" fillId="2" borderId="0" xfId="1" applyFont="1" applyFill="1" applyAlignment="1">
      <alignment horizontal="left" vertical="top" wrapText="1"/>
    </xf>
    <xf numFmtId="0" fontId="31" fillId="2" borderId="0" xfId="1" applyFont="1" applyFill="1" applyAlignment="1">
      <alignment horizontal="left" vertical="top"/>
    </xf>
    <xf numFmtId="0" fontId="22" fillId="2" borderId="81" xfId="1" applyFont="1" applyFill="1" applyBorder="1" applyAlignment="1">
      <alignment horizontal="center" vertical="center" wrapText="1"/>
    </xf>
    <xf numFmtId="0" fontId="22" fillId="2" borderId="104" xfId="1" applyFont="1" applyFill="1" applyBorder="1" applyAlignment="1">
      <alignment horizontal="center" vertical="center" wrapText="1"/>
    </xf>
    <xf numFmtId="49" fontId="22" fillId="2" borderId="15" xfId="1" applyNumberFormat="1" applyFont="1" applyFill="1" applyBorder="1" applyAlignment="1">
      <alignment horizontal="center" vertical="top" wrapText="1"/>
    </xf>
    <xf numFmtId="0" fontId="26" fillId="2" borderId="5" xfId="1" applyFont="1" applyFill="1" applyBorder="1" applyAlignment="1">
      <alignment horizontal="center" vertical="center" textRotation="255" wrapText="1"/>
    </xf>
    <xf numFmtId="0" fontId="26" fillId="2" borderId="0" xfId="1" applyFont="1" applyFill="1" applyAlignment="1">
      <alignment horizontal="center" vertical="center" wrapText="1"/>
    </xf>
    <xf numFmtId="0" fontId="53" fillId="5" borderId="102" xfId="1" applyFont="1" applyFill="1" applyBorder="1" applyAlignment="1">
      <alignment horizontal="left" vertical="center" wrapText="1"/>
    </xf>
    <xf numFmtId="0" fontId="53" fillId="5" borderId="22" xfId="1" applyFont="1" applyFill="1" applyBorder="1" applyAlignment="1">
      <alignment horizontal="left" vertical="center" wrapText="1"/>
    </xf>
    <xf numFmtId="0" fontId="30" fillId="5" borderId="23" xfId="1" applyFont="1" applyFill="1" applyBorder="1" applyAlignment="1">
      <alignment horizontal="left" vertical="center" wrapText="1"/>
    </xf>
    <xf numFmtId="0" fontId="22" fillId="5" borderId="147" xfId="1" applyFont="1" applyFill="1" applyBorder="1" applyAlignment="1">
      <alignment horizontal="center" vertical="center" textRotation="255"/>
    </xf>
    <xf numFmtId="0" fontId="22" fillId="2" borderId="0" xfId="1" applyFont="1" applyFill="1" applyAlignment="1">
      <alignment horizontal="left" vertical="top"/>
    </xf>
    <xf numFmtId="0" fontId="28" fillId="0" borderId="0" xfId="1" applyNumberFormat="1" applyFont="1" applyFill="1" applyAlignment="1">
      <alignment horizontal="center" vertical="top" wrapText="1"/>
    </xf>
    <xf numFmtId="0" fontId="28" fillId="0" borderId="0" xfId="1" applyFont="1" applyFill="1" applyAlignment="1">
      <alignment horizontal="left" vertical="top" wrapText="1"/>
    </xf>
    <xf numFmtId="178" fontId="28" fillId="0" borderId="0" xfId="1" applyNumberFormat="1" applyFont="1" applyFill="1" applyAlignment="1">
      <alignment horizontal="center" vertical="top" wrapText="1"/>
    </xf>
    <xf numFmtId="0" fontId="22" fillId="2" borderId="0" xfId="1" applyFont="1" applyFill="1" applyAlignment="1">
      <alignment horizontal="left" vertical="top" indent="4"/>
    </xf>
    <xf numFmtId="0" fontId="54" fillId="2" borderId="87" xfId="1" applyFont="1" applyFill="1" applyBorder="1" applyAlignment="1">
      <alignment horizontal="left" vertical="top" wrapText="1"/>
    </xf>
    <xf numFmtId="0" fontId="28" fillId="5" borderId="144" xfId="1" applyFont="1" applyFill="1" applyBorder="1" applyAlignment="1">
      <alignment horizontal="center" vertical="center" textRotation="255"/>
    </xf>
    <xf numFmtId="0" fontId="28" fillId="5" borderId="3" xfId="1" applyFont="1" applyFill="1" applyBorder="1" applyAlignment="1">
      <alignment horizontal="left" vertical="center"/>
    </xf>
    <xf numFmtId="0" fontId="28" fillId="5" borderId="4" xfId="1" applyFont="1" applyFill="1" applyBorder="1" applyAlignment="1">
      <alignment horizontal="left" vertical="center"/>
    </xf>
    <xf numFmtId="0" fontId="28" fillId="5" borderId="145" xfId="1" applyFont="1" applyFill="1" applyBorder="1" applyAlignment="1">
      <alignment horizontal="center" vertical="center" textRotation="255"/>
    </xf>
    <xf numFmtId="0" fontId="28" fillId="2" borderId="84" xfId="1" applyFont="1" applyFill="1" applyBorder="1" applyAlignment="1">
      <alignment horizontal="center" vertical="center"/>
    </xf>
    <xf numFmtId="0" fontId="28" fillId="2" borderId="27" xfId="1" applyFont="1" applyFill="1" applyBorder="1" applyAlignment="1">
      <alignment horizontal="center" vertical="center"/>
    </xf>
    <xf numFmtId="0" fontId="28" fillId="2" borderId="85" xfId="1" applyFont="1" applyFill="1" applyBorder="1" applyAlignment="1">
      <alignment horizontal="center" vertical="center"/>
    </xf>
    <xf numFmtId="0" fontId="28" fillId="2" borderId="20" xfId="1" applyFont="1" applyFill="1" applyBorder="1" applyAlignment="1">
      <alignment horizontal="center" vertical="center"/>
    </xf>
    <xf numFmtId="0" fontId="28" fillId="2" borderId="22" xfId="1" applyFont="1" applyFill="1" applyBorder="1" applyAlignment="1">
      <alignment horizontal="center" vertical="center"/>
    </xf>
    <xf numFmtId="0" fontId="28" fillId="2" borderId="21" xfId="1" applyFont="1" applyFill="1" applyBorder="1" applyAlignment="1">
      <alignment horizontal="center" vertical="center"/>
    </xf>
    <xf numFmtId="0" fontId="28" fillId="2" borderId="20" xfId="1" applyFont="1" applyFill="1" applyBorder="1" applyAlignment="1">
      <alignment horizontal="center" vertical="center" wrapText="1"/>
    </xf>
    <xf numFmtId="0" fontId="28" fillId="2" borderId="22" xfId="1" applyFont="1" applyFill="1" applyBorder="1" applyAlignment="1">
      <alignment horizontal="center" vertical="center" wrapText="1"/>
    </xf>
    <xf numFmtId="0" fontId="28" fillId="2" borderId="21" xfId="1" applyFont="1" applyFill="1" applyBorder="1" applyAlignment="1">
      <alignment horizontal="center" vertical="center" wrapText="1"/>
    </xf>
    <xf numFmtId="0" fontId="28" fillId="2" borderId="23" xfId="1" applyFont="1" applyFill="1" applyBorder="1" applyAlignment="1">
      <alignment horizontal="center" vertical="center" wrapText="1"/>
    </xf>
    <xf numFmtId="0" fontId="28" fillId="2" borderId="54" xfId="1" applyFont="1" applyFill="1" applyBorder="1" applyAlignment="1">
      <alignment horizontal="center" vertical="center"/>
    </xf>
    <xf numFmtId="0" fontId="28" fillId="2" borderId="0" xfId="1" applyFont="1" applyFill="1" applyAlignment="1">
      <alignment horizontal="center" vertical="center"/>
    </xf>
    <xf numFmtId="0" fontId="28" fillId="2" borderId="44" xfId="1" applyFont="1" applyFill="1" applyBorder="1" applyAlignment="1">
      <alignment horizontal="center" vertical="center"/>
    </xf>
    <xf numFmtId="0" fontId="28" fillId="2" borderId="44" xfId="1" applyFont="1" applyFill="1" applyBorder="1" applyAlignment="1">
      <alignment vertical="center" wrapText="1"/>
    </xf>
    <xf numFmtId="0" fontId="28" fillId="2" borderId="0" xfId="1" applyFont="1" applyFill="1" applyAlignment="1">
      <alignment vertical="center" wrapText="1"/>
    </xf>
    <xf numFmtId="0" fontId="28" fillId="2" borderId="129" xfId="1" applyFont="1" applyFill="1" applyBorder="1" applyAlignment="1">
      <alignment horizontal="center" vertical="center" wrapText="1"/>
    </xf>
    <xf numFmtId="0" fontId="55" fillId="5" borderId="22" xfId="1" applyFont="1" applyFill="1" applyBorder="1" applyAlignment="1">
      <alignment horizontal="left" vertical="center"/>
    </xf>
    <xf numFmtId="0" fontId="55" fillId="5" borderId="23" xfId="1" applyFont="1" applyFill="1" applyBorder="1" applyAlignment="1">
      <alignment horizontal="left" vertical="center"/>
    </xf>
    <xf numFmtId="0" fontId="9" fillId="2" borderId="27" xfId="1" applyFont="1" applyFill="1" applyBorder="1" applyAlignment="1">
      <alignment horizontal="center" vertical="center"/>
    </xf>
    <xf numFmtId="0" fontId="9" fillId="2" borderId="85" xfId="1" applyFont="1" applyFill="1" applyBorder="1" applyAlignment="1">
      <alignment horizontal="center" vertical="center"/>
    </xf>
    <xf numFmtId="0" fontId="9" fillId="2" borderId="21" xfId="1" applyFont="1" applyFill="1" applyBorder="1" applyAlignment="1">
      <alignment horizontal="center" vertical="center"/>
    </xf>
    <xf numFmtId="0" fontId="9" fillId="2" borderId="20" xfId="1" applyFont="1" applyFill="1" applyBorder="1" applyAlignment="1">
      <alignment horizontal="center" vertical="center"/>
    </xf>
    <xf numFmtId="0" fontId="9" fillId="2" borderId="23" xfId="1" applyFont="1" applyFill="1" applyBorder="1" applyAlignment="1">
      <alignment horizontal="center" vertical="center"/>
    </xf>
    <xf numFmtId="0" fontId="9" fillId="2" borderId="0" xfId="1" applyFont="1" applyFill="1" applyAlignment="1">
      <alignment horizontal="center" vertical="center"/>
    </xf>
    <xf numFmtId="0" fontId="9" fillId="2" borderId="44" xfId="1" applyFont="1" applyFill="1" applyBorder="1" applyAlignment="1">
      <alignment horizontal="center" vertical="center"/>
    </xf>
    <xf numFmtId="0" fontId="9" fillId="2" borderId="8" xfId="1" applyFont="1" applyFill="1" applyBorder="1" applyAlignment="1">
      <alignment horizontal="center" vertical="center"/>
    </xf>
    <xf numFmtId="0" fontId="9" fillId="2" borderId="32" xfId="1" applyFont="1" applyFill="1" applyBorder="1" applyAlignment="1">
      <alignment horizontal="center" vertical="center"/>
    </xf>
    <xf numFmtId="0" fontId="9" fillId="2" borderId="20" xfId="1" applyFont="1" applyFill="1" applyBorder="1" applyAlignment="1">
      <alignment horizontal="left" vertical="center"/>
    </xf>
    <xf numFmtId="0" fontId="9" fillId="2" borderId="22" xfId="1" applyFont="1" applyFill="1" applyBorder="1" applyAlignment="1">
      <alignment horizontal="left" vertical="center"/>
    </xf>
    <xf numFmtId="0" fontId="9" fillId="2" borderId="23" xfId="1" applyFont="1" applyFill="1" applyBorder="1" applyAlignment="1">
      <alignment horizontal="left" vertical="center"/>
    </xf>
    <xf numFmtId="0" fontId="9" fillId="2" borderId="22" xfId="1" applyFont="1" applyFill="1" applyBorder="1" applyAlignment="1">
      <alignment horizontal="center" vertical="center" wrapText="1"/>
    </xf>
    <xf numFmtId="0" fontId="9" fillId="2" borderId="5" xfId="1" applyFont="1" applyFill="1" applyBorder="1" applyAlignment="1">
      <alignment vertical="center" wrapText="1"/>
    </xf>
    <xf numFmtId="0" fontId="9" fillId="2" borderId="54" xfId="1" applyFont="1" applyFill="1" applyBorder="1" applyAlignment="1">
      <alignment vertical="center" wrapText="1"/>
    </xf>
    <xf numFmtId="0" fontId="9" fillId="2" borderId="83" xfId="1" applyFont="1" applyFill="1" applyBorder="1" applyAlignment="1">
      <alignment vertical="center" wrapText="1"/>
    </xf>
    <xf numFmtId="0" fontId="9" fillId="2" borderId="125" xfId="1" applyFont="1" applyFill="1" applyBorder="1" applyAlignment="1">
      <alignment horizontal="center" vertical="center" wrapText="1"/>
    </xf>
    <xf numFmtId="177" fontId="9" fillId="2" borderId="76" xfId="1" applyNumberFormat="1" applyFont="1" applyFill="1" applyBorder="1" applyAlignment="1">
      <alignment vertical="center" wrapText="1"/>
    </xf>
    <xf numFmtId="0" fontId="16" fillId="2" borderId="76" xfId="1" applyFont="1" applyFill="1" applyBorder="1" applyAlignment="1">
      <alignment vertical="center"/>
    </xf>
    <xf numFmtId="177" fontId="9" fillId="2" borderId="76" xfId="1" applyNumberFormat="1" applyFont="1" applyFill="1" applyBorder="1" applyAlignment="1">
      <alignment horizontal="left" vertical="center" wrapText="1"/>
    </xf>
    <xf numFmtId="0" fontId="28" fillId="5" borderId="147" xfId="1" applyFont="1" applyFill="1" applyBorder="1" applyAlignment="1">
      <alignment horizontal="center" vertical="center" textRotation="255"/>
    </xf>
    <xf numFmtId="0" fontId="28" fillId="2" borderId="0" xfId="1" applyFont="1" applyFill="1" applyAlignment="1">
      <alignment horizontal="center" vertical="center" wrapText="1"/>
    </xf>
    <xf numFmtId="0" fontId="28" fillId="2" borderId="0" xfId="1" applyFont="1" applyFill="1" applyAlignment="1">
      <alignment horizontal="left" vertical="center" wrapText="1"/>
    </xf>
    <xf numFmtId="0" fontId="54" fillId="2" borderId="0" xfId="1" applyFont="1" applyFill="1" applyAlignment="1">
      <alignment horizontal="left" vertical="top" wrapText="1"/>
    </xf>
    <xf numFmtId="0" fontId="56" fillId="2" borderId="0" xfId="1" applyFont="1" applyFill="1" applyAlignment="1">
      <alignment horizontal="left" vertical="top"/>
    </xf>
    <xf numFmtId="0" fontId="28" fillId="2" borderId="81" xfId="1" applyFont="1" applyFill="1" applyBorder="1" applyAlignment="1">
      <alignment horizontal="center" vertical="center" wrapText="1"/>
    </xf>
    <xf numFmtId="0" fontId="28" fillId="2" borderId="104" xfId="1" applyFont="1" applyFill="1" applyBorder="1" applyAlignment="1">
      <alignment horizontal="center" vertical="center" wrapText="1"/>
    </xf>
    <xf numFmtId="49" fontId="28" fillId="2" borderId="15" xfId="1" applyNumberFormat="1" applyFont="1" applyFill="1" applyBorder="1" applyAlignment="1">
      <alignment horizontal="center" vertical="top" wrapText="1"/>
    </xf>
    <xf numFmtId="0" fontId="28" fillId="2" borderId="15" xfId="1" applyFont="1" applyFill="1" applyBorder="1" applyAlignment="1">
      <alignment horizontal="center" vertical="center" wrapText="1"/>
    </xf>
    <xf numFmtId="0" fontId="36" fillId="2" borderId="5" xfId="1" applyFont="1" applyFill="1" applyBorder="1" applyAlignment="1">
      <alignment horizontal="center" vertical="center" textRotation="255" wrapText="1"/>
    </xf>
    <xf numFmtId="0" fontId="36" fillId="2" borderId="0" xfId="1" applyFont="1" applyFill="1" applyAlignment="1">
      <alignment horizontal="center" vertical="center" wrapText="1"/>
    </xf>
    <xf numFmtId="0" fontId="28" fillId="2" borderId="35" xfId="1" applyFont="1" applyFill="1" applyBorder="1" applyAlignment="1">
      <alignment horizontal="center" vertical="center" wrapText="1"/>
    </xf>
    <xf numFmtId="0" fontId="28" fillId="2" borderId="96" xfId="1" applyFont="1" applyFill="1" applyBorder="1" applyAlignment="1">
      <alignment horizontal="center" vertical="center" wrapText="1"/>
    </xf>
    <xf numFmtId="0" fontId="57" fillId="5" borderId="102" xfId="1" applyFont="1" applyFill="1" applyBorder="1" applyAlignment="1">
      <alignment horizontal="left" vertical="center" wrapText="1"/>
    </xf>
    <xf numFmtId="0" fontId="57" fillId="5" borderId="22" xfId="1" applyFont="1" applyFill="1" applyBorder="1" applyAlignment="1">
      <alignment horizontal="left" vertical="center" wrapText="1"/>
    </xf>
    <xf numFmtId="0" fontId="37" fillId="5" borderId="23" xfId="1" applyFont="1" applyFill="1" applyBorder="1" applyAlignment="1">
      <alignment horizontal="left" vertical="center" wrapText="1"/>
    </xf>
    <xf numFmtId="0" fontId="39" fillId="2" borderId="74" xfId="1" applyFont="1" applyFill="1" applyBorder="1" applyAlignment="1">
      <alignment horizontal="center" vertical="center"/>
    </xf>
    <xf numFmtId="0" fontId="39" fillId="2" borderId="76" xfId="1" applyFont="1" applyFill="1" applyBorder="1" applyAlignment="1">
      <alignment horizontal="center" vertical="center"/>
    </xf>
    <xf numFmtId="0" fontId="28" fillId="2" borderId="76" xfId="1" applyFont="1" applyFill="1" applyBorder="1" applyAlignment="1">
      <alignment vertical="center"/>
    </xf>
    <xf numFmtId="0" fontId="9" fillId="2" borderId="75" xfId="1" applyFont="1" applyFill="1" applyBorder="1" applyAlignment="1">
      <alignment horizontal="center" vertical="center" wrapText="1"/>
    </xf>
    <xf numFmtId="0" fontId="28" fillId="2" borderId="0" xfId="1" applyFont="1" applyFill="1" applyAlignment="1">
      <alignment horizontal="left" vertical="top" wrapText="1"/>
    </xf>
    <xf numFmtId="0" fontId="28" fillId="2" borderId="0" xfId="1" applyFont="1" applyFill="1" applyAlignment="1">
      <alignment horizontal="left" vertical="top" indent="4"/>
    </xf>
    <xf numFmtId="0" fontId="58" fillId="2" borderId="0" xfId="1" applyFont="1" applyFill="1" applyAlignment="1">
      <alignment vertical="top" wrapText="1"/>
    </xf>
    <xf numFmtId="0" fontId="40" fillId="2" borderId="0" xfId="1" applyFont="1" applyFill="1" applyAlignment="1">
      <alignment horizontal="left" vertical="top" indent="3"/>
    </xf>
    <xf numFmtId="0" fontId="21" fillId="2" borderId="0" xfId="1" applyFont="1" applyFill="1" applyAlignment="1">
      <alignment horizontal="left" vertical="top" wrapText="1"/>
    </xf>
    <xf numFmtId="0" fontId="31" fillId="2" borderId="78" xfId="1" applyFont="1" applyFill="1" applyBorder="1" applyAlignment="1">
      <alignment horizontal="center" vertical="center" textRotation="255" wrapText="1"/>
    </xf>
    <xf numFmtId="0" fontId="31" fillId="2" borderId="54" xfId="1" applyFont="1" applyFill="1" applyBorder="1" applyAlignment="1">
      <alignment horizontal="center" vertical="center" textRotation="255" wrapText="1"/>
    </xf>
    <xf numFmtId="0" fontId="31" fillId="2" borderId="57" xfId="1" applyFont="1" applyFill="1" applyBorder="1" applyAlignment="1">
      <alignment horizontal="center" vertical="center" wrapText="1"/>
    </xf>
    <xf numFmtId="0" fontId="31" fillId="2" borderId="11" xfId="1" applyFont="1" applyFill="1" applyBorder="1" applyAlignment="1">
      <alignment horizontal="center" vertical="center" wrapText="1"/>
    </xf>
    <xf numFmtId="0" fontId="31" fillId="2" borderId="99" xfId="1" applyFont="1" applyFill="1" applyBorder="1" applyAlignment="1">
      <alignment horizontal="center" vertical="center" wrapText="1"/>
    </xf>
    <xf numFmtId="0" fontId="31" fillId="2" borderId="11" xfId="1" applyFont="1" applyFill="1" applyBorder="1" applyAlignment="1">
      <alignment horizontal="left" vertical="center" wrapText="1"/>
    </xf>
    <xf numFmtId="0" fontId="31" fillId="2" borderId="12" xfId="1" applyFont="1" applyFill="1" applyBorder="1" applyAlignment="1">
      <alignment horizontal="left" vertical="center" wrapText="1"/>
    </xf>
    <xf numFmtId="0" fontId="31" fillId="2" borderId="34" xfId="1" applyFont="1" applyFill="1" applyBorder="1" applyAlignment="1">
      <alignment horizontal="center" vertical="center" wrapText="1"/>
    </xf>
    <xf numFmtId="0" fontId="31" fillId="2" borderId="38" xfId="1" applyFont="1" applyFill="1" applyBorder="1" applyAlignment="1">
      <alignment horizontal="center" vertical="center" wrapText="1"/>
    </xf>
    <xf numFmtId="0" fontId="31" fillId="2" borderId="97" xfId="1" applyFont="1" applyFill="1" applyBorder="1" applyAlignment="1">
      <alignment horizontal="center" vertical="center" wrapText="1"/>
    </xf>
    <xf numFmtId="0" fontId="31" fillId="2" borderId="14" xfId="1" applyFont="1" applyFill="1" applyBorder="1" applyAlignment="1">
      <alignment horizontal="center" vertical="center" wrapText="1"/>
    </xf>
    <xf numFmtId="0" fontId="31" fillId="2" borderId="15" xfId="1" applyFont="1" applyFill="1" applyBorder="1" applyAlignment="1">
      <alignment horizontal="center" vertical="center" wrapText="1"/>
    </xf>
    <xf numFmtId="0" fontId="31" fillId="2" borderId="42" xfId="1" applyFont="1" applyFill="1" applyBorder="1" applyAlignment="1">
      <alignment horizontal="center" vertical="center" wrapText="1"/>
    </xf>
    <xf numFmtId="49" fontId="31" fillId="2" borderId="15" xfId="1" applyNumberFormat="1" applyFont="1" applyFill="1" applyBorder="1" applyAlignment="1">
      <alignment horizontal="center" vertical="center" wrapText="1"/>
    </xf>
    <xf numFmtId="0" fontId="31" fillId="2" borderId="15" xfId="1" applyFont="1" applyFill="1" applyBorder="1" applyAlignment="1">
      <alignment horizontal="center" vertical="center" wrapText="1"/>
    </xf>
    <xf numFmtId="0" fontId="31" fillId="2" borderId="16" xfId="1" applyFont="1" applyFill="1" applyBorder="1" applyAlignment="1">
      <alignment horizontal="center" vertical="center" wrapText="1"/>
    </xf>
    <xf numFmtId="0" fontId="31" fillId="2" borderId="18" xfId="1" applyFont="1" applyFill="1" applyBorder="1" applyAlignment="1">
      <alignment horizontal="center" vertical="center" wrapText="1"/>
    </xf>
    <xf numFmtId="0" fontId="31" fillId="2" borderId="0" xfId="1" applyFont="1" applyFill="1" applyAlignment="1">
      <alignment horizontal="center" vertical="center" wrapText="1"/>
    </xf>
    <xf numFmtId="0" fontId="31" fillId="2" borderId="44" xfId="1" applyFont="1" applyFill="1" applyBorder="1" applyAlignment="1">
      <alignment horizontal="center" vertical="center" wrapText="1"/>
    </xf>
    <xf numFmtId="0" fontId="31" fillId="2" borderId="7" xfId="1" applyFont="1" applyFill="1" applyBorder="1" applyAlignment="1">
      <alignment horizontal="center" vertical="center" wrapText="1"/>
    </xf>
    <xf numFmtId="0" fontId="31" fillId="2" borderId="8" xfId="1" applyFont="1" applyFill="1" applyBorder="1" applyAlignment="1">
      <alignment horizontal="center" vertical="center" wrapText="1"/>
    </xf>
    <xf numFmtId="0" fontId="31" fillId="2" borderId="32" xfId="1" applyFont="1" applyFill="1" applyBorder="1" applyAlignment="1">
      <alignment horizontal="center" vertical="center" wrapText="1"/>
    </xf>
    <xf numFmtId="0" fontId="31" fillId="2" borderId="0" xfId="1" applyFont="1" applyFill="1" applyAlignment="1">
      <alignment horizontal="left" vertical="center" wrapText="1"/>
    </xf>
    <xf numFmtId="0" fontId="31" fillId="2" borderId="19" xfId="1" applyFont="1" applyFill="1" applyBorder="1" applyAlignment="1">
      <alignment horizontal="left" vertical="center" wrapText="1"/>
    </xf>
    <xf numFmtId="0" fontId="31" fillId="2" borderId="101" xfId="1" applyFont="1" applyFill="1" applyBorder="1" applyAlignment="1">
      <alignment horizontal="center" vertical="center" wrapText="1"/>
    </xf>
    <xf numFmtId="0" fontId="31" fillId="2" borderId="27" xfId="1" applyFont="1" applyFill="1" applyBorder="1" applyAlignment="1">
      <alignment horizontal="center" vertical="center" wrapText="1"/>
    </xf>
    <xf numFmtId="0" fontId="31" fillId="2" borderId="85" xfId="1" applyFont="1" applyFill="1" applyBorder="1" applyAlignment="1">
      <alignment horizontal="center" vertical="center" wrapText="1"/>
    </xf>
    <xf numFmtId="0" fontId="31" fillId="2" borderId="51" xfId="1" applyFont="1" applyFill="1" applyBorder="1" applyAlignment="1">
      <alignment horizontal="center" vertical="center" textRotation="255" wrapText="1"/>
    </xf>
    <xf numFmtId="0" fontId="22" fillId="2" borderId="12" xfId="1" applyFont="1" applyFill="1" applyBorder="1" applyAlignment="1">
      <alignment horizontal="center" vertical="center" wrapText="1"/>
    </xf>
    <xf numFmtId="0" fontId="31" fillId="2" borderId="121" xfId="1" applyFont="1" applyFill="1" applyBorder="1" applyAlignment="1">
      <alignment horizontal="center" vertical="center" textRotation="255" wrapText="1"/>
    </xf>
    <xf numFmtId="0" fontId="31" fillId="2" borderId="20" xfId="1" applyFont="1" applyFill="1" applyBorder="1" applyAlignment="1">
      <alignment horizontal="left" vertical="center" wrapText="1"/>
    </xf>
    <xf numFmtId="0" fontId="31" fillId="2" borderId="22" xfId="1" applyFont="1" applyFill="1" applyBorder="1" applyAlignment="1">
      <alignment horizontal="left" vertical="center" wrapText="1"/>
    </xf>
    <xf numFmtId="0" fontId="25" fillId="2" borderId="14" xfId="1" applyFont="1" applyFill="1" applyBorder="1" applyAlignment="1">
      <alignment horizontal="center" vertical="center"/>
    </xf>
    <xf numFmtId="49" fontId="25" fillId="2" borderId="15" xfId="1" applyNumberFormat="1" applyFont="1" applyFill="1" applyBorder="1" applyAlignment="1">
      <alignment horizontal="center" vertical="center"/>
    </xf>
    <xf numFmtId="0" fontId="25" fillId="2" borderId="15" xfId="1" applyFont="1" applyFill="1" applyBorder="1" applyAlignment="1">
      <alignment horizontal="center" vertical="center" wrapText="1"/>
    </xf>
    <xf numFmtId="49" fontId="59" fillId="2" borderId="15" xfId="1" applyNumberFormat="1" applyFont="1" applyFill="1" applyBorder="1" applyAlignment="1">
      <alignment horizontal="center" vertical="center"/>
    </xf>
    <xf numFmtId="49" fontId="59" fillId="2" borderId="15" xfId="1" applyNumberFormat="1" applyFont="1" applyFill="1" applyBorder="1" applyAlignment="1">
      <alignment vertical="center" wrapText="1"/>
    </xf>
    <xf numFmtId="0" fontId="59" fillId="2" borderId="16" xfId="1" applyFont="1" applyFill="1" applyBorder="1" applyAlignment="1">
      <alignment horizontal="center" vertical="center" wrapText="1"/>
    </xf>
    <xf numFmtId="0" fontId="31" fillId="2" borderId="33" xfId="1" applyFont="1" applyFill="1" applyBorder="1" applyAlignment="1">
      <alignment horizontal="center" vertical="center" textRotation="255" wrapText="1"/>
    </xf>
    <xf numFmtId="0" fontId="31" fillId="2" borderId="56" xfId="1" applyFont="1" applyFill="1" applyBorder="1" applyAlignment="1">
      <alignment horizontal="center" vertical="center" wrapText="1"/>
    </xf>
    <xf numFmtId="0" fontId="31" fillId="2" borderId="18" xfId="1" applyFont="1" applyFill="1" applyBorder="1" applyAlignment="1">
      <alignment horizontal="left" vertical="center" wrapText="1"/>
    </xf>
    <xf numFmtId="0" fontId="31" fillId="2" borderId="41" xfId="1" applyFont="1" applyFill="1" applyBorder="1" applyAlignment="1">
      <alignment horizontal="center" vertical="center" wrapText="1"/>
    </xf>
    <xf numFmtId="0" fontId="31" fillId="2" borderId="53" xfId="1" applyFont="1" applyFill="1" applyBorder="1" applyAlignment="1">
      <alignment horizontal="center" vertical="center" wrapText="1"/>
    </xf>
    <xf numFmtId="176" fontId="31" fillId="2" borderId="101" xfId="1" applyNumberFormat="1" applyFont="1" applyFill="1" applyBorder="1" applyAlignment="1">
      <alignment horizontal="left" vertical="center" wrapText="1"/>
    </xf>
    <xf numFmtId="176" fontId="31" fillId="2" borderId="27" xfId="1" applyNumberFormat="1" applyFont="1" applyFill="1" applyBorder="1" applyAlignment="1">
      <alignment horizontal="left" vertical="center" wrapText="1"/>
    </xf>
    <xf numFmtId="0" fontId="38" fillId="0" borderId="23" xfId="1" applyFont="1" applyFill="1" applyBorder="1" applyAlignment="1">
      <alignment horizontal="center" vertical="center" wrapText="1"/>
    </xf>
    <xf numFmtId="0" fontId="38" fillId="0" borderId="101" xfId="1" applyFont="1" applyFill="1" applyBorder="1" applyAlignment="1">
      <alignment horizontal="center" vertical="center" wrapText="1"/>
    </xf>
    <xf numFmtId="0" fontId="38" fillId="0" borderId="85" xfId="1" applyFont="1" applyFill="1" applyBorder="1" applyAlignment="1">
      <alignment horizontal="center" vertical="center" wrapText="1"/>
    </xf>
    <xf numFmtId="0" fontId="35" fillId="0" borderId="20" xfId="1" applyFont="1" applyFill="1" applyBorder="1" applyAlignment="1">
      <alignment horizontal="center" vertical="center" wrapText="1"/>
    </xf>
    <xf numFmtId="0" fontId="35" fillId="0" borderId="21" xfId="1" applyFont="1" applyFill="1" applyBorder="1" applyAlignment="1">
      <alignment horizontal="center" vertical="center" wrapText="1"/>
    </xf>
    <xf numFmtId="0" fontId="35" fillId="0" borderId="22" xfId="1" applyFont="1" applyFill="1" applyBorder="1" applyAlignment="1">
      <alignment horizontal="center" vertical="center" wrapText="1"/>
    </xf>
    <xf numFmtId="0" fontId="60" fillId="0" borderId="10" xfId="1" applyFont="1" applyFill="1" applyBorder="1" applyAlignment="1">
      <alignment vertical="center" wrapText="1"/>
    </xf>
    <xf numFmtId="0" fontId="38" fillId="0" borderId="20" xfId="1" applyFont="1" applyFill="1" applyBorder="1" applyAlignment="1">
      <alignment horizontal="center" vertical="top"/>
    </xf>
    <xf numFmtId="0" fontId="38" fillId="0" borderId="23" xfId="1" applyFont="1" applyFill="1" applyBorder="1" applyAlignment="1">
      <alignment horizontal="center" vertical="top"/>
    </xf>
    <xf numFmtId="0" fontId="38" fillId="0" borderId="18" xfId="1" applyFont="1" applyFill="1" applyBorder="1" applyAlignment="1">
      <alignment horizontal="center" vertical="center" wrapText="1"/>
    </xf>
    <xf numFmtId="0" fontId="38" fillId="0" borderId="44" xfId="1" applyFont="1" applyFill="1" applyBorder="1" applyAlignment="1">
      <alignment horizontal="center" vertical="center" wrapText="1"/>
    </xf>
    <xf numFmtId="0" fontId="50" fillId="0" borderId="101" xfId="1" applyFont="1" applyFill="1" applyBorder="1" applyAlignment="1">
      <alignment horizontal="center" vertical="center" wrapText="1"/>
    </xf>
    <xf numFmtId="0" fontId="50" fillId="0" borderId="85" xfId="1" applyFont="1" applyFill="1" applyBorder="1" applyAlignment="1">
      <alignment horizontal="center" vertical="center" wrapText="1"/>
    </xf>
    <xf numFmtId="0" fontId="60" fillId="0" borderId="45" xfId="1" applyFont="1" applyFill="1" applyBorder="1" applyAlignment="1">
      <alignment horizontal="center" vertical="center" wrapText="1"/>
    </xf>
    <xf numFmtId="0" fontId="60" fillId="0" borderId="46" xfId="1" applyFont="1" applyFill="1" applyBorder="1" applyAlignment="1">
      <alignment horizontal="center" vertical="center" wrapText="1"/>
    </xf>
    <xf numFmtId="0" fontId="60" fillId="0" borderId="47" xfId="1" applyFont="1" applyFill="1" applyBorder="1" applyAlignment="1">
      <alignment horizontal="center" vertical="center" wrapText="1"/>
    </xf>
    <xf numFmtId="0" fontId="38" fillId="0" borderId="7" xfId="1" applyFont="1" applyFill="1" applyBorder="1" applyAlignment="1">
      <alignment horizontal="center" vertical="center" wrapText="1"/>
    </xf>
    <xf numFmtId="0" fontId="38" fillId="0" borderId="32" xfId="1" applyFont="1" applyFill="1" applyBorder="1" applyAlignment="1">
      <alignment horizontal="center" vertical="center" wrapText="1"/>
    </xf>
    <xf numFmtId="0" fontId="50" fillId="0" borderId="7" xfId="1" applyFont="1" applyFill="1" applyBorder="1" applyAlignment="1">
      <alignment horizontal="center" vertical="center" wrapText="1"/>
    </xf>
    <xf numFmtId="0" fontId="50" fillId="0" borderId="32" xfId="1" applyFont="1" applyFill="1" applyBorder="1" applyAlignment="1">
      <alignment horizontal="center" vertical="center" wrapText="1"/>
    </xf>
    <xf numFmtId="0" fontId="60" fillId="0" borderId="48" xfId="1" applyFont="1" applyFill="1" applyBorder="1" applyAlignment="1">
      <alignment horizontal="center" vertical="center" wrapText="1"/>
    </xf>
    <xf numFmtId="0" fontId="60" fillId="0" borderId="49" xfId="1" applyFont="1" applyFill="1" applyBorder="1" applyAlignment="1">
      <alignment horizontal="center" vertical="center" wrapText="1"/>
    </xf>
    <xf numFmtId="0" fontId="60" fillId="0" borderId="50" xfId="1" applyFont="1" applyFill="1" applyBorder="1" applyAlignment="1">
      <alignment horizontal="center" vertical="center" wrapText="1"/>
    </xf>
    <xf numFmtId="0" fontId="22" fillId="2" borderId="102" xfId="1" applyFont="1" applyFill="1" applyBorder="1" applyAlignment="1">
      <alignment horizontal="center" vertical="center" wrapText="1"/>
    </xf>
    <xf numFmtId="49" fontId="6" fillId="2" borderId="27" xfId="1" applyNumberFormat="1" applyFont="1" applyFill="1" applyBorder="1" applyAlignment="1">
      <alignment vertical="center" wrapText="1"/>
    </xf>
    <xf numFmtId="177" fontId="6" fillId="2" borderId="27" xfId="1" applyNumberFormat="1" applyFont="1" applyFill="1" applyBorder="1" applyAlignment="1">
      <alignment horizontal="center" vertical="center" wrapText="1"/>
    </xf>
    <xf numFmtId="0" fontId="22" fillId="2" borderId="27" xfId="1" applyFont="1" applyFill="1" applyBorder="1" applyAlignment="1">
      <alignment vertical="center" wrapText="1"/>
    </xf>
    <xf numFmtId="0" fontId="22" fillId="2" borderId="103" xfId="1" applyFont="1" applyFill="1" applyBorder="1" applyAlignment="1">
      <alignment horizontal="center" vertical="center" wrapText="1"/>
    </xf>
    <xf numFmtId="0" fontId="22" fillId="2" borderId="75" xfId="1" applyFont="1" applyFill="1" applyBorder="1" applyAlignment="1">
      <alignment horizontal="center" vertical="center"/>
    </xf>
    <xf numFmtId="0" fontId="28" fillId="0" borderId="84" xfId="1" applyFont="1" applyFill="1" applyBorder="1" applyAlignment="1">
      <alignment horizontal="center" vertical="center"/>
    </xf>
    <xf numFmtId="0" fontId="28" fillId="0" borderId="27" xfId="1" applyFont="1" applyFill="1" applyBorder="1" applyAlignment="1">
      <alignment horizontal="center" vertical="center"/>
    </xf>
    <xf numFmtId="0" fontId="28" fillId="0" borderId="85" xfId="1" applyFont="1" applyFill="1" applyBorder="1" applyAlignment="1">
      <alignment horizontal="center" vertical="center"/>
    </xf>
    <xf numFmtId="0" fontId="28" fillId="0" borderId="20" xfId="1" applyFont="1" applyFill="1" applyBorder="1" applyAlignment="1">
      <alignment horizontal="center" vertical="center"/>
    </xf>
    <xf numFmtId="0" fontId="28" fillId="0" borderId="22" xfId="1" applyFont="1" applyFill="1" applyBorder="1" applyAlignment="1">
      <alignment horizontal="center" vertical="center"/>
    </xf>
    <xf numFmtId="0" fontId="28" fillId="0" borderId="21" xfId="1" applyFont="1" applyFill="1" applyBorder="1" applyAlignment="1">
      <alignment horizontal="center" vertical="center"/>
    </xf>
    <xf numFmtId="0" fontId="28" fillId="0" borderId="22" xfId="1" applyFont="1" applyFill="1" applyBorder="1" applyAlignment="1">
      <alignment horizontal="center" vertical="center" wrapText="1"/>
    </xf>
    <xf numFmtId="0" fontId="28" fillId="0" borderId="21" xfId="1" applyFont="1" applyFill="1" applyBorder="1" applyAlignment="1">
      <alignment horizontal="center" vertical="center" wrapText="1"/>
    </xf>
    <xf numFmtId="0" fontId="28" fillId="0" borderId="20" xfId="1" applyFont="1" applyFill="1" applyBorder="1" applyAlignment="1">
      <alignment horizontal="center" vertical="center" shrinkToFit="1"/>
    </xf>
    <xf numFmtId="0" fontId="28" fillId="0" borderId="22" xfId="1" applyFont="1" applyFill="1" applyBorder="1" applyAlignment="1">
      <alignment horizontal="center" vertical="center" shrinkToFit="1"/>
    </xf>
    <xf numFmtId="0" fontId="28" fillId="0" borderId="21" xfId="1" applyFont="1" applyFill="1" applyBorder="1" applyAlignment="1">
      <alignment horizontal="center" vertical="center" shrinkToFit="1"/>
    </xf>
    <xf numFmtId="0" fontId="28" fillId="0" borderId="23" xfId="1" applyFont="1" applyFill="1" applyBorder="1" applyAlignment="1">
      <alignment horizontal="center" vertical="center" wrapText="1"/>
    </xf>
    <xf numFmtId="0" fontId="28" fillId="0" borderId="54" xfId="1" applyFont="1" applyFill="1" applyBorder="1" applyAlignment="1">
      <alignment horizontal="center" vertical="center"/>
    </xf>
    <xf numFmtId="0" fontId="28" fillId="0" borderId="0" xfId="1" applyFont="1" applyFill="1" applyAlignment="1">
      <alignment horizontal="center" vertical="center"/>
    </xf>
    <xf numFmtId="0" fontId="28" fillId="0" borderId="44" xfId="1" applyFont="1" applyFill="1" applyBorder="1" applyAlignment="1">
      <alignment horizontal="center" vertical="center"/>
    </xf>
    <xf numFmtId="0" fontId="28" fillId="0" borderId="44" xfId="1" applyFont="1" applyFill="1" applyBorder="1" applyAlignment="1">
      <alignment vertical="center" wrapText="1"/>
    </xf>
    <xf numFmtId="0" fontId="28" fillId="0" borderId="33" xfId="1" applyFont="1" applyFill="1" applyBorder="1" applyAlignment="1">
      <alignment vertical="center" wrapText="1"/>
    </xf>
    <xf numFmtId="0" fontId="28" fillId="0" borderId="129" xfId="1" applyFont="1" applyFill="1" applyBorder="1" applyAlignment="1">
      <alignment horizontal="center" vertical="center" wrapText="1"/>
    </xf>
    <xf numFmtId="0" fontId="9" fillId="0" borderId="27" xfId="1" applyFont="1" applyFill="1" applyBorder="1" applyAlignment="1">
      <alignment horizontal="center" vertical="center" wrapText="1"/>
    </xf>
    <xf numFmtId="0" fontId="9" fillId="0" borderId="38" xfId="1" applyFont="1" applyFill="1" applyBorder="1" applyAlignment="1">
      <alignment horizontal="center" vertical="center" wrapText="1"/>
    </xf>
    <xf numFmtId="0" fontId="28" fillId="0" borderId="0" xfId="1" applyFont="1" applyFill="1" applyAlignment="1">
      <alignment vertical="center" wrapText="1"/>
    </xf>
    <xf numFmtId="0" fontId="31" fillId="2" borderId="86" xfId="1" applyFont="1" applyFill="1" applyBorder="1" applyAlignment="1">
      <alignment horizontal="center" vertical="center" wrapText="1"/>
    </xf>
    <xf numFmtId="0" fontId="31" fillId="2" borderId="65" xfId="1" applyFont="1" applyFill="1" applyBorder="1" applyAlignment="1">
      <alignment horizontal="center" vertical="center" wrapText="1"/>
    </xf>
    <xf numFmtId="0" fontId="31" fillId="2" borderId="66" xfId="1" applyFont="1" applyFill="1" applyBorder="1" applyAlignment="1">
      <alignment horizontal="center" vertical="center" wrapText="1"/>
    </xf>
    <xf numFmtId="0" fontId="31" fillId="2" borderId="87" xfId="1" applyFont="1" applyFill="1" applyBorder="1" applyAlignment="1">
      <alignment horizontal="left" vertical="center" wrapText="1"/>
    </xf>
    <xf numFmtId="0" fontId="31" fillId="2" borderId="87" xfId="1" applyFont="1" applyFill="1" applyBorder="1" applyAlignment="1">
      <alignment vertical="center" wrapText="1"/>
    </xf>
    <xf numFmtId="0" fontId="31" fillId="2" borderId="65" xfId="1" applyFont="1" applyFill="1" applyBorder="1" applyAlignment="1">
      <alignment vertical="center" wrapText="1"/>
    </xf>
    <xf numFmtId="0" fontId="31" fillId="2" borderId="67" xfId="1" applyFont="1" applyFill="1" applyBorder="1" applyAlignment="1">
      <alignment vertical="center" wrapText="1"/>
    </xf>
    <xf numFmtId="0" fontId="31" fillId="2" borderId="0" xfId="1" applyFont="1" applyFill="1" applyAlignment="1">
      <alignment horizontal="center" vertical="center" wrapText="1"/>
    </xf>
    <xf numFmtId="0" fontId="21" fillId="2" borderId="0" xfId="1" applyFont="1" applyFill="1" applyAlignment="1">
      <alignment horizontal="left" wrapText="1"/>
    </xf>
    <xf numFmtId="49" fontId="31" fillId="2" borderId="15" xfId="1" applyNumberFormat="1" applyFont="1" applyFill="1" applyBorder="1" applyAlignment="1">
      <alignment horizontal="center" vertical="center"/>
    </xf>
    <xf numFmtId="0" fontId="22" fillId="2" borderId="15" xfId="1" applyFont="1" applyFill="1" applyBorder="1" applyAlignment="1">
      <alignment horizontal="center" vertical="top" wrapText="1"/>
    </xf>
    <xf numFmtId="0" fontId="22" fillId="2" borderId="16" xfId="1" applyFont="1" applyFill="1" applyBorder="1" applyAlignment="1">
      <alignment horizontal="center" vertical="top" wrapText="1"/>
    </xf>
    <xf numFmtId="0" fontId="24" fillId="2" borderId="119" xfId="3" applyFont="1" applyFill="1" applyBorder="1" applyAlignment="1">
      <alignment horizontal="left" vertical="center" wrapText="1"/>
    </xf>
    <xf numFmtId="0" fontId="26" fillId="2" borderId="24" xfId="1" applyFont="1" applyFill="1" applyBorder="1" applyAlignment="1">
      <alignment horizontal="center" vertical="center" textRotation="255" wrapText="1"/>
    </xf>
    <xf numFmtId="0" fontId="22" fillId="2" borderId="74" xfId="1" applyFont="1" applyFill="1" applyBorder="1" applyAlignment="1">
      <alignment vertical="center"/>
    </xf>
    <xf numFmtId="0" fontId="22" fillId="2" borderId="76" xfId="1" applyFont="1" applyFill="1" applyBorder="1" applyAlignment="1">
      <alignment vertical="center"/>
    </xf>
    <xf numFmtId="0" fontId="31" fillId="2" borderId="0" xfId="1" applyFont="1" applyFill="1" applyAlignment="1">
      <alignment horizontal="center" vertical="center" textRotation="255" wrapText="1"/>
    </xf>
    <xf numFmtId="0" fontId="31" fillId="2" borderId="0" xfId="1" applyFont="1" applyFill="1" applyAlignment="1">
      <alignment horizontal="left" wrapText="1"/>
    </xf>
    <xf numFmtId="0" fontId="39" fillId="0" borderId="0" xfId="1" applyFont="1" applyFill="1" applyAlignment="1">
      <alignment horizontal="justify" vertical="top" wrapText="1"/>
    </xf>
    <xf numFmtId="0" fontId="27" fillId="2" borderId="0" xfId="1" applyFont="1" applyFill="1" applyAlignment="1">
      <alignment horizontal="left" vertical="top" indent="7"/>
    </xf>
    <xf numFmtId="0" fontId="27" fillId="2" borderId="0" xfId="1" applyFont="1" applyFill="1" applyAlignment="1">
      <alignment horizontal="left" vertical="top" indent="4"/>
    </xf>
    <xf numFmtId="0" fontId="38" fillId="2" borderId="14" xfId="1" applyFont="1" applyFill="1" applyBorder="1" applyAlignment="1">
      <alignment horizontal="center" vertical="center" wrapText="1"/>
    </xf>
    <xf numFmtId="0" fontId="38" fillId="2" borderId="15" xfId="1" applyFont="1" applyFill="1" applyBorder="1" applyAlignment="1">
      <alignment horizontal="center" vertical="center" wrapText="1"/>
    </xf>
    <xf numFmtId="49" fontId="38" fillId="2" borderId="15" xfId="1" applyNumberFormat="1" applyFont="1" applyFill="1" applyBorder="1" applyAlignment="1">
      <alignment horizontal="center" vertical="center"/>
    </xf>
    <xf numFmtId="0" fontId="38" fillId="2" borderId="15" xfId="1" applyFont="1" applyFill="1" applyBorder="1" applyAlignment="1">
      <alignment horizontal="center" vertical="center" wrapText="1"/>
    </xf>
    <xf numFmtId="49" fontId="38" fillId="2" borderId="15" xfId="1" applyNumberFormat="1" applyFont="1" applyFill="1" applyBorder="1" applyAlignment="1">
      <alignment horizontal="center" vertical="center" wrapText="1"/>
    </xf>
    <xf numFmtId="0" fontId="28" fillId="2" borderId="15" xfId="1" applyFont="1" applyFill="1" applyBorder="1" applyAlignment="1">
      <alignment horizontal="center" vertical="top" wrapText="1"/>
    </xf>
    <xf numFmtId="0" fontId="28" fillId="2" borderId="16" xfId="1" applyFont="1" applyFill="1" applyBorder="1" applyAlignment="1">
      <alignment horizontal="center" vertical="top" wrapText="1"/>
    </xf>
    <xf numFmtId="0" fontId="34" fillId="2" borderId="119" xfId="3" applyFont="1" applyFill="1" applyBorder="1" applyAlignment="1">
      <alignment horizontal="left" vertical="center" wrapText="1"/>
    </xf>
    <xf numFmtId="0" fontId="36" fillId="2" borderId="24" xfId="1" applyFont="1" applyFill="1" applyBorder="1" applyAlignment="1">
      <alignment horizontal="center" vertical="center" textRotation="255" wrapText="1"/>
    </xf>
    <xf numFmtId="0" fontId="28" fillId="2" borderId="74" xfId="1" applyFont="1" applyFill="1" applyBorder="1" applyAlignment="1">
      <alignment horizontal="center" vertical="center"/>
    </xf>
    <xf numFmtId="0" fontId="28" fillId="2" borderId="76" xfId="1" applyFont="1" applyFill="1" applyBorder="1" applyAlignment="1">
      <alignment horizontal="center" vertical="center"/>
    </xf>
    <xf numFmtId="0" fontId="28" fillId="2" borderId="76" xfId="1" applyFont="1" applyFill="1" applyBorder="1" applyAlignment="1">
      <alignment horizontal="center" vertical="center"/>
    </xf>
    <xf numFmtId="0" fontId="28" fillId="2" borderId="75" xfId="1" applyFont="1" applyFill="1" applyBorder="1" applyAlignment="1">
      <alignment horizontal="center" vertical="center"/>
    </xf>
    <xf numFmtId="0" fontId="9" fillId="2" borderId="77" xfId="1" applyFont="1" applyFill="1" applyBorder="1" applyAlignment="1">
      <alignment horizontal="center" vertical="center" wrapText="1"/>
    </xf>
    <xf numFmtId="0" fontId="5" fillId="2" borderId="0" xfId="1" applyFont="1" applyFill="1" applyAlignment="1">
      <alignment horizontal="left" vertical="top"/>
    </xf>
    <xf numFmtId="0" fontId="6" fillId="2" borderId="20" xfId="1" applyFont="1" applyFill="1" applyBorder="1" applyAlignment="1">
      <alignment horizontal="left" vertical="center" wrapText="1"/>
    </xf>
    <xf numFmtId="0" fontId="6" fillId="2" borderId="23" xfId="1" applyFont="1" applyFill="1" applyBorder="1" applyAlignment="1">
      <alignment horizontal="left" vertical="center" wrapText="1"/>
    </xf>
    <xf numFmtId="0" fontId="6" fillId="2" borderId="10" xfId="1" applyFont="1" applyFill="1" applyBorder="1" applyAlignment="1">
      <alignment horizontal="left" vertical="center" wrapText="1"/>
    </xf>
    <xf numFmtId="0" fontId="6" fillId="2" borderId="100" xfId="1" applyFont="1" applyFill="1" applyBorder="1" applyAlignment="1">
      <alignment horizontal="left" vertical="center" wrapText="1"/>
    </xf>
    <xf numFmtId="49" fontId="6" fillId="2" borderId="0" xfId="1" applyNumberFormat="1" applyFont="1" applyFill="1" applyAlignment="1">
      <alignment horizontal="center" vertical="center" wrapText="1"/>
    </xf>
    <xf numFmtId="0" fontId="6" fillId="2" borderId="19" xfId="1" applyFont="1" applyFill="1" applyBorder="1" applyAlignment="1">
      <alignment horizontal="center" vertical="center" wrapText="1"/>
    </xf>
    <xf numFmtId="0" fontId="24" fillId="2" borderId="18" xfId="3" applyFont="1" applyFill="1" applyBorder="1" applyAlignment="1">
      <alignment horizontal="left" vertical="center" wrapText="1"/>
    </xf>
    <xf numFmtId="0" fontId="5" fillId="2" borderId="0" xfId="1" applyFont="1" applyFill="1" applyAlignment="1">
      <alignment horizontal="left" vertical="center"/>
    </xf>
    <xf numFmtId="0" fontId="5" fillId="2" borderId="19" xfId="1" applyFont="1" applyFill="1" applyBorder="1" applyAlignment="1">
      <alignment horizontal="left" vertical="center"/>
    </xf>
    <xf numFmtId="0" fontId="6" fillId="2" borderId="18" xfId="1" applyFont="1" applyFill="1" applyBorder="1" applyAlignment="1">
      <alignment horizontal="left" vertical="center" wrapText="1"/>
    </xf>
    <xf numFmtId="49" fontId="8" fillId="2" borderId="22" xfId="1" applyNumberFormat="1" applyFont="1" applyFill="1" applyBorder="1" applyAlignment="1">
      <alignment horizontal="right" vertical="center" wrapText="1"/>
    </xf>
    <xf numFmtId="49" fontId="6" fillId="2" borderId="10" xfId="1" applyNumberFormat="1" applyFont="1" applyFill="1" applyBorder="1" applyAlignment="1">
      <alignment horizontal="left" vertical="center" wrapText="1"/>
    </xf>
    <xf numFmtId="49" fontId="6" fillId="2" borderId="100" xfId="1" applyNumberFormat="1" applyFont="1" applyFill="1" applyBorder="1" applyAlignment="1">
      <alignment horizontal="left" vertical="center" wrapText="1"/>
    </xf>
    <xf numFmtId="0" fontId="6" fillId="2" borderId="10" xfId="1" applyFont="1" applyFill="1" applyBorder="1" applyAlignment="1">
      <alignment horizontal="center" vertical="center"/>
    </xf>
    <xf numFmtId="49" fontId="6" fillId="2" borderId="15" xfId="1" applyNumberFormat="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15" xfId="1" applyFont="1" applyFill="1" applyBorder="1" applyAlignment="1">
      <alignment vertical="center" wrapText="1"/>
    </xf>
    <xf numFmtId="0" fontId="5" fillId="2" borderId="16" xfId="1" applyFont="1" applyFill="1" applyBorder="1" applyAlignment="1">
      <alignment horizontal="left" vertical="top"/>
    </xf>
    <xf numFmtId="176" fontId="6" fillId="2" borderId="10" xfId="1" applyNumberFormat="1" applyFont="1" applyFill="1" applyBorder="1" applyAlignment="1">
      <alignment horizontal="left" vertical="center" wrapText="1" indent="1"/>
    </xf>
    <xf numFmtId="0" fontId="6" fillId="2" borderId="93" xfId="1" applyFont="1" applyFill="1" applyBorder="1" applyAlignment="1">
      <alignment horizontal="center" vertical="center" wrapText="1"/>
    </xf>
    <xf numFmtId="0" fontId="6" fillId="2" borderId="93" xfId="1" applyFont="1" applyFill="1" applyBorder="1" applyAlignment="1">
      <alignment horizontal="left" vertical="center" wrapText="1"/>
    </xf>
    <xf numFmtId="0" fontId="9" fillId="0" borderId="101" xfId="1" applyFont="1" applyFill="1" applyBorder="1" applyAlignment="1">
      <alignment horizontal="center" vertical="center" wrapText="1"/>
    </xf>
    <xf numFmtId="0" fontId="9" fillId="0" borderId="85" xfId="1" applyFont="1" applyFill="1" applyBorder="1" applyAlignment="1">
      <alignment horizontal="center" vertical="center" wrapText="1"/>
    </xf>
    <xf numFmtId="0" fontId="11" fillId="0" borderId="20" xfId="1" applyFont="1" applyFill="1" applyBorder="1" applyAlignment="1">
      <alignment horizontal="center" vertical="center" wrapText="1"/>
    </xf>
    <xf numFmtId="0" fontId="11" fillId="0" borderId="22" xfId="1" applyFont="1" applyFill="1" applyBorder="1" applyAlignment="1">
      <alignment horizontal="center" vertical="center" wrapText="1"/>
    </xf>
    <xf numFmtId="0" fontId="11" fillId="0" borderId="21" xfId="1" applyFont="1" applyFill="1" applyBorder="1" applyAlignment="1">
      <alignment horizontal="center" vertical="center" wrapText="1"/>
    </xf>
    <xf numFmtId="0" fontId="16" fillId="0" borderId="20" xfId="1" applyFont="1" applyFill="1" applyBorder="1" applyAlignment="1">
      <alignment horizontal="center" vertical="center" wrapText="1"/>
    </xf>
    <xf numFmtId="0" fontId="16" fillId="0" borderId="22" xfId="1" applyFont="1" applyFill="1" applyBorder="1" applyAlignment="1">
      <alignment horizontal="center" vertical="center" wrapText="1"/>
    </xf>
    <xf numFmtId="0" fontId="16" fillId="0" borderId="21" xfId="1" applyFont="1" applyFill="1" applyBorder="1" applyAlignment="1">
      <alignment horizontal="center" vertical="center" wrapText="1"/>
    </xf>
    <xf numFmtId="0" fontId="16" fillId="0" borderId="10" xfId="1" applyFont="1" applyFill="1" applyBorder="1" applyAlignment="1">
      <alignment vertical="center" wrapText="1"/>
    </xf>
    <xf numFmtId="49" fontId="11" fillId="0" borderId="20" xfId="1" applyNumberFormat="1" applyFont="1" applyFill="1" applyBorder="1" applyAlignment="1">
      <alignment horizontal="center" vertical="center" wrapText="1"/>
    </xf>
    <xf numFmtId="49" fontId="11" fillId="0" borderId="23" xfId="1" applyNumberFormat="1" applyFont="1" applyFill="1" applyBorder="1" applyAlignment="1">
      <alignment horizontal="center" vertical="center" wrapText="1"/>
    </xf>
    <xf numFmtId="0" fontId="61" fillId="0" borderId="101" xfId="1" applyFont="1" applyFill="1" applyBorder="1" applyAlignment="1">
      <alignment horizontal="center" vertical="center" wrapText="1"/>
    </xf>
    <xf numFmtId="0" fontId="61" fillId="0" borderId="27" xfId="1" applyFont="1" applyFill="1" applyBorder="1" applyAlignment="1">
      <alignment horizontal="center" vertical="center" wrapText="1"/>
    </xf>
    <xf numFmtId="0" fontId="61" fillId="0" borderId="85" xfId="1" applyFont="1" applyFill="1" applyBorder="1" applyAlignment="1">
      <alignment horizontal="center" vertical="center" wrapText="1"/>
    </xf>
    <xf numFmtId="0" fontId="61" fillId="0" borderId="45" xfId="1" applyFont="1" applyFill="1" applyBorder="1" applyAlignment="1">
      <alignment horizontal="center" vertical="center" wrapText="1"/>
    </xf>
    <xf numFmtId="0" fontId="61" fillId="0" borderId="46" xfId="1" applyFont="1" applyFill="1" applyBorder="1" applyAlignment="1">
      <alignment horizontal="center" vertical="center" wrapText="1"/>
    </xf>
    <xf numFmtId="0" fontId="61" fillId="0" borderId="47" xfId="1" applyFont="1" applyFill="1" applyBorder="1" applyAlignment="1">
      <alignment horizontal="center" vertical="center" wrapText="1"/>
    </xf>
    <xf numFmtId="0" fontId="61" fillId="0" borderId="7" xfId="1" applyFont="1" applyFill="1" applyBorder="1" applyAlignment="1">
      <alignment horizontal="center" vertical="center" wrapText="1"/>
    </xf>
    <xf numFmtId="0" fontId="61" fillId="0" borderId="8" xfId="1" applyFont="1" applyFill="1" applyBorder="1" applyAlignment="1">
      <alignment horizontal="center" vertical="center" wrapText="1"/>
    </xf>
    <xf numFmtId="0" fontId="61" fillId="0" borderId="32" xfId="1" applyFont="1" applyFill="1" applyBorder="1" applyAlignment="1">
      <alignment horizontal="center" vertical="center" wrapText="1"/>
    </xf>
    <xf numFmtId="0" fontId="61" fillId="0" borderId="48" xfId="1" applyFont="1" applyFill="1" applyBorder="1" applyAlignment="1">
      <alignment horizontal="center" vertical="center" wrapText="1"/>
    </xf>
    <xf numFmtId="0" fontId="61" fillId="0" borderId="49" xfId="1" applyFont="1" applyFill="1" applyBorder="1" applyAlignment="1">
      <alignment horizontal="center" vertical="center" wrapText="1"/>
    </xf>
    <xf numFmtId="0" fontId="61" fillId="0" borderId="50" xfId="1" applyFont="1" applyFill="1" applyBorder="1" applyAlignment="1">
      <alignment horizontal="center" vertical="center" wrapText="1"/>
    </xf>
    <xf numFmtId="0" fontId="6" fillId="2" borderId="71" xfId="1" applyFont="1" applyFill="1" applyBorder="1" applyAlignment="1">
      <alignment horizontal="center" vertical="center" wrapText="1"/>
    </xf>
    <xf numFmtId="0" fontId="8" fillId="2" borderId="20" xfId="1" applyFont="1" applyFill="1" applyBorder="1" applyAlignment="1">
      <alignment horizontal="center" vertical="center" shrinkToFit="1"/>
    </xf>
    <xf numFmtId="0" fontId="8" fillId="2" borderId="22" xfId="1" applyFont="1" applyFill="1" applyBorder="1" applyAlignment="1">
      <alignment horizontal="center" vertical="center" shrinkToFit="1"/>
    </xf>
    <xf numFmtId="0" fontId="8" fillId="2" borderId="21" xfId="1" applyFont="1" applyFill="1" applyBorder="1" applyAlignment="1">
      <alignment horizontal="center" vertical="center" shrinkToFit="1"/>
    </xf>
    <xf numFmtId="0" fontId="5" fillId="2" borderId="10" xfId="1" applyFont="1" applyFill="1" applyBorder="1" applyAlignment="1">
      <alignment horizontal="left" vertical="center" wrapText="1"/>
    </xf>
    <xf numFmtId="0" fontId="5" fillId="2" borderId="100" xfId="1" applyFont="1" applyFill="1" applyBorder="1" applyAlignment="1">
      <alignment horizontal="left" vertical="center" wrapText="1"/>
    </xf>
    <xf numFmtId="0" fontId="9" fillId="0" borderId="11" xfId="1" applyFont="1" applyFill="1" applyBorder="1" applyAlignment="1">
      <alignment horizontal="center" vertical="center" wrapText="1"/>
    </xf>
    <xf numFmtId="0" fontId="5" fillId="2" borderId="101" xfId="1" applyFont="1" applyFill="1" applyBorder="1" applyAlignment="1">
      <alignment horizontal="center" vertical="top"/>
    </xf>
    <xf numFmtId="0" fontId="5" fillId="2" borderId="27" xfId="1" applyFont="1" applyFill="1" applyBorder="1" applyAlignment="1">
      <alignment horizontal="center" vertical="top"/>
    </xf>
    <xf numFmtId="0" fontId="5" fillId="2" borderId="103" xfId="1" applyFont="1" applyFill="1" applyBorder="1" applyAlignment="1">
      <alignment horizontal="center" vertical="top"/>
    </xf>
    <xf numFmtId="0" fontId="6" fillId="2" borderId="98" xfId="1" applyFont="1" applyFill="1" applyBorder="1" applyAlignment="1">
      <alignment horizontal="center" vertical="center" wrapText="1"/>
    </xf>
    <xf numFmtId="0" fontId="6" fillId="2" borderId="97" xfId="1" applyFont="1" applyFill="1" applyBorder="1" applyAlignment="1">
      <alignment horizontal="center" vertical="center" wrapText="1"/>
    </xf>
    <xf numFmtId="0" fontId="5" fillId="2" borderId="0" xfId="1" applyFont="1" applyFill="1" applyAlignment="1">
      <alignment horizontal="center" vertical="top"/>
    </xf>
    <xf numFmtId="0" fontId="6" fillId="2" borderId="83" xfId="1" applyFont="1" applyFill="1" applyBorder="1" applyAlignment="1">
      <alignment horizontal="left" vertical="top" wrapText="1"/>
    </xf>
    <xf numFmtId="0" fontId="6" fillId="2" borderId="148" xfId="1" applyFont="1" applyFill="1" applyBorder="1" applyAlignment="1">
      <alignment horizontal="left" vertical="center" wrapText="1"/>
    </xf>
    <xf numFmtId="0" fontId="6" fillId="2" borderId="149" xfId="1" applyFont="1" applyFill="1" applyBorder="1" applyAlignment="1">
      <alignment horizontal="left" vertical="center" wrapText="1"/>
    </xf>
    <xf numFmtId="0" fontId="6" fillId="2" borderId="150" xfId="1" applyFont="1" applyFill="1" applyBorder="1" applyAlignment="1">
      <alignment horizontal="center" vertical="center" wrapText="1"/>
    </xf>
    <xf numFmtId="0" fontId="6" fillId="2" borderId="148" xfId="1" applyFont="1" applyFill="1" applyBorder="1" applyAlignment="1">
      <alignment horizontal="center" vertical="center" wrapText="1"/>
    </xf>
    <xf numFmtId="0" fontId="6" fillId="2" borderId="151" xfId="1" applyFont="1" applyFill="1" applyBorder="1" applyAlignment="1">
      <alignment horizontal="center" vertical="center" wrapText="1"/>
    </xf>
    <xf numFmtId="0" fontId="6" fillId="2" borderId="83" xfId="1" applyFont="1" applyFill="1" applyBorder="1" applyAlignment="1">
      <alignment horizontal="center" vertical="center" shrinkToFit="1"/>
    </xf>
    <xf numFmtId="0" fontId="6" fillId="2" borderId="8" xfId="1" applyFont="1" applyFill="1" applyBorder="1" applyAlignment="1">
      <alignment horizontal="center" vertical="center" shrinkToFit="1"/>
    </xf>
    <xf numFmtId="0" fontId="6" fillId="2" borderId="20" xfId="1" applyFont="1" applyFill="1" applyBorder="1" applyAlignment="1">
      <alignment horizontal="right" vertical="center" wrapText="1"/>
    </xf>
    <xf numFmtId="0" fontId="6" fillId="2" borderId="22" xfId="1" applyFont="1" applyFill="1" applyBorder="1" applyAlignment="1">
      <alignment horizontal="right" vertical="center" wrapText="1"/>
    </xf>
    <xf numFmtId="0" fontId="5" fillId="2" borderId="20" xfId="1" applyFont="1" applyFill="1" applyBorder="1" applyAlignment="1">
      <alignment horizontal="left" vertical="top"/>
    </xf>
    <xf numFmtId="0" fontId="5" fillId="2" borderId="22" xfId="1" applyFont="1" applyFill="1" applyBorder="1" applyAlignment="1">
      <alignment horizontal="left" vertical="top"/>
    </xf>
    <xf numFmtId="0" fontId="6" fillId="5" borderId="83" xfId="1" applyFont="1" applyFill="1" applyBorder="1" applyAlignment="1">
      <alignment horizontal="left" vertical="center" wrapText="1"/>
    </xf>
    <xf numFmtId="0" fontId="6" fillId="5" borderId="8" xfId="1" applyFont="1" applyFill="1" applyBorder="1" applyAlignment="1">
      <alignment horizontal="left" vertical="center" wrapText="1"/>
    </xf>
    <xf numFmtId="0" fontId="6" fillId="5" borderId="0" xfId="1" applyFont="1" applyFill="1" applyAlignment="1">
      <alignment horizontal="left" vertical="center" wrapText="1"/>
    </xf>
    <xf numFmtId="0" fontId="6" fillId="5" borderId="9" xfId="1" applyFont="1" applyFill="1" applyBorder="1" applyAlignment="1">
      <alignment horizontal="left" vertical="center" wrapText="1"/>
    </xf>
    <xf numFmtId="0" fontId="6" fillId="2" borderId="102" xfId="1" applyFont="1" applyFill="1" applyBorder="1" applyAlignment="1">
      <alignment horizontal="center" vertical="center" wrapText="1"/>
    </xf>
    <xf numFmtId="49" fontId="6" fillId="2" borderId="22" xfId="1" applyNumberFormat="1" applyFont="1" applyFill="1" applyBorder="1" applyAlignment="1">
      <alignment vertical="center" wrapText="1"/>
    </xf>
    <xf numFmtId="49" fontId="6" fillId="2" borderId="23" xfId="1" applyNumberFormat="1" applyFont="1" applyFill="1" applyBorder="1" applyAlignment="1">
      <alignment vertical="center" wrapText="1"/>
    </xf>
    <xf numFmtId="0" fontId="6" fillId="2" borderId="83"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shrinkToFit="1"/>
    </xf>
    <xf numFmtId="0" fontId="5" fillId="2" borderId="21" xfId="1" applyFont="1" applyFill="1" applyBorder="1" applyAlignment="1">
      <alignment horizontal="center" vertical="center" shrinkToFit="1"/>
    </xf>
    <xf numFmtId="0" fontId="5" fillId="2" borderId="20" xfId="1" applyFont="1" applyFill="1" applyBorder="1" applyAlignment="1">
      <alignment horizontal="right" vertical="top"/>
    </xf>
    <xf numFmtId="0" fontId="5" fillId="2" borderId="22" xfId="1" applyFont="1" applyFill="1" applyBorder="1" applyAlignment="1">
      <alignment horizontal="right" vertical="top"/>
    </xf>
    <xf numFmtId="0" fontId="6" fillId="2" borderId="22" xfId="1" applyFont="1" applyFill="1" applyBorder="1" applyAlignment="1">
      <alignment vertical="center" wrapText="1"/>
    </xf>
    <xf numFmtId="0" fontId="6" fillId="2" borderId="23" xfId="1" applyFont="1" applyFill="1" applyBorder="1" applyAlignment="1">
      <alignment horizontal="center" vertical="center" wrapText="1"/>
    </xf>
    <xf numFmtId="0" fontId="6" fillId="2" borderId="23" xfId="1" applyFont="1" applyFill="1" applyBorder="1" applyAlignment="1">
      <alignment vertical="center" wrapText="1"/>
    </xf>
    <xf numFmtId="0" fontId="5" fillId="2" borderId="0" xfId="1" applyFont="1" applyFill="1" applyAlignment="1">
      <alignment horizontal="left" vertical="center"/>
    </xf>
    <xf numFmtId="0" fontId="5" fillId="0" borderId="22" xfId="1" applyFont="1" applyBorder="1" applyAlignment="1">
      <alignment vertical="center" wrapText="1"/>
    </xf>
    <xf numFmtId="0" fontId="5" fillId="2" borderId="22" xfId="1" applyFont="1" applyFill="1" applyBorder="1" applyAlignment="1">
      <alignment horizontal="center" vertical="center"/>
    </xf>
    <xf numFmtId="0" fontId="6" fillId="2" borderId="86" xfId="1" applyFont="1" applyFill="1" applyBorder="1" applyAlignment="1">
      <alignment horizontal="left" vertical="center" wrapText="1" indent="4"/>
    </xf>
    <xf numFmtId="0" fontId="6" fillId="2" borderId="87" xfId="1" applyFont="1" applyFill="1" applyBorder="1" applyAlignment="1">
      <alignment horizontal="left" vertical="center" wrapText="1" indent="4"/>
    </xf>
    <xf numFmtId="0" fontId="6" fillId="2" borderId="152" xfId="1" applyFont="1" applyFill="1" applyBorder="1" applyAlignment="1">
      <alignment horizontal="left" vertical="center" wrapText="1"/>
    </xf>
    <xf numFmtId="0" fontId="2" fillId="2" borderId="0" xfId="1" applyFont="1" applyFill="1" applyAlignment="1">
      <alignment horizontal="left" wrapText="1"/>
    </xf>
    <xf numFmtId="0" fontId="5" fillId="2" borderId="0" xfId="1" applyFont="1" applyFill="1" applyAlignment="1">
      <alignment horizontal="left"/>
    </xf>
    <xf numFmtId="0" fontId="6" fillId="2" borderId="70" xfId="1" applyFont="1" applyFill="1" applyBorder="1" applyAlignment="1">
      <alignment horizontal="center" vertical="center" wrapText="1"/>
    </xf>
    <xf numFmtId="0" fontId="6" fillId="5" borderId="37" xfId="1" applyFont="1" applyFill="1" applyBorder="1" applyAlignment="1">
      <alignment horizontal="left" vertical="center" wrapText="1"/>
    </xf>
    <xf numFmtId="0" fontId="6" fillId="5" borderId="38" xfId="1" applyFont="1" applyFill="1" applyBorder="1" applyAlignment="1">
      <alignment horizontal="left" vertical="center" wrapText="1"/>
    </xf>
    <xf numFmtId="0" fontId="6" fillId="5" borderId="15" xfId="1" applyFont="1" applyFill="1" applyBorder="1" applyAlignment="1">
      <alignment horizontal="left" vertical="center" wrapText="1"/>
    </xf>
    <xf numFmtId="0" fontId="6" fillId="5" borderId="16" xfId="1" applyFont="1" applyFill="1" applyBorder="1" applyAlignment="1">
      <alignment horizontal="left" vertical="center" wrapText="1"/>
    </xf>
    <xf numFmtId="49" fontId="6" fillId="2" borderId="23" xfId="1" applyNumberFormat="1"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2" borderId="72" xfId="1" applyFont="1" applyFill="1" applyBorder="1" applyAlignment="1">
      <alignment horizontal="center" vertical="center" wrapText="1"/>
    </xf>
    <xf numFmtId="0" fontId="5" fillId="2" borderId="74" xfId="1" applyFont="1" applyFill="1" applyBorder="1" applyAlignment="1">
      <alignment horizontal="center" vertical="center"/>
    </xf>
    <xf numFmtId="0" fontId="5" fillId="2" borderId="76" xfId="1" applyFont="1" applyFill="1" applyBorder="1" applyAlignment="1">
      <alignment horizontal="center" vertical="center"/>
    </xf>
    <xf numFmtId="0" fontId="5" fillId="2" borderId="77" xfId="1" applyFont="1" applyFill="1" applyBorder="1" applyAlignment="1">
      <alignment horizontal="center" vertical="center"/>
    </xf>
    <xf numFmtId="0" fontId="5" fillId="2" borderId="0" xfId="1" applyFont="1" applyFill="1" applyAlignment="1">
      <alignment horizontal="left" vertical="top" wrapText="1" indent="4"/>
    </xf>
    <xf numFmtId="0" fontId="5" fillId="2" borderId="0" xfId="1" applyFont="1" applyFill="1" applyAlignment="1">
      <alignment horizontal="left" vertical="top" wrapText="1"/>
    </xf>
    <xf numFmtId="0" fontId="5" fillId="2" borderId="0" xfId="1" applyFont="1" applyFill="1" applyAlignment="1">
      <alignment horizontal="left" vertical="top" indent="8"/>
    </xf>
    <xf numFmtId="0" fontId="5" fillId="2" borderId="0" xfId="1" applyFont="1" applyFill="1" applyAlignment="1">
      <alignment horizontal="left" vertical="top" indent="5"/>
    </xf>
    <xf numFmtId="0" fontId="11" fillId="2" borderId="0" xfId="1" applyFont="1" applyFill="1" applyAlignment="1">
      <alignment horizontal="left" vertical="top"/>
    </xf>
    <xf numFmtId="0" fontId="17" fillId="2" borderId="0" xfId="1" applyFont="1" applyFill="1" applyAlignment="1">
      <alignment horizontal="left" wrapText="1"/>
    </xf>
    <xf numFmtId="0" fontId="11" fillId="2" borderId="0" xfId="1" applyFont="1" applyFill="1" applyAlignment="1">
      <alignment horizontal="left"/>
    </xf>
    <xf numFmtId="0" fontId="11" fillId="2" borderId="0" xfId="1" applyFont="1" applyFill="1" applyAlignment="1">
      <alignment horizontal="left"/>
    </xf>
    <xf numFmtId="0" fontId="9" fillId="2" borderId="1" xfId="1" applyFont="1" applyFill="1" applyBorder="1" applyAlignment="1">
      <alignment horizontal="center" vertical="center" wrapText="1"/>
    </xf>
    <xf numFmtId="0" fontId="9" fillId="2" borderId="70" xfId="1" applyFont="1" applyFill="1" applyBorder="1" applyAlignment="1">
      <alignment horizontal="center" vertical="center" wrapText="1"/>
    </xf>
    <xf numFmtId="0" fontId="9" fillId="2" borderId="70" xfId="1" applyFont="1" applyFill="1" applyBorder="1" applyAlignment="1">
      <alignment horizontal="left" vertical="center" wrapText="1"/>
    </xf>
    <xf numFmtId="0" fontId="10" fillId="2" borderId="2" xfId="1" applyFont="1" applyFill="1" applyBorder="1" applyAlignment="1">
      <alignment horizontal="center" vertical="center" shrinkToFit="1"/>
    </xf>
    <xf numFmtId="0" fontId="10" fillId="2" borderId="3" xfId="1" applyFont="1" applyFill="1" applyBorder="1" applyAlignment="1">
      <alignment horizontal="center" vertical="center" shrinkToFit="1"/>
    </xf>
    <xf numFmtId="0" fontId="10" fillId="2" borderId="153" xfId="1" applyFont="1" applyFill="1" applyBorder="1" applyAlignment="1">
      <alignment horizontal="center" vertical="center" shrinkToFit="1"/>
    </xf>
    <xf numFmtId="0" fontId="11" fillId="2" borderId="70" xfId="1" applyFont="1" applyFill="1" applyBorder="1" applyAlignment="1">
      <alignment horizontal="left" vertical="center" wrapText="1"/>
    </xf>
    <xf numFmtId="0" fontId="11" fillId="2" borderId="154" xfId="1" applyFont="1" applyFill="1" applyBorder="1" applyAlignment="1">
      <alignment horizontal="left" vertical="center" wrapText="1"/>
    </xf>
    <xf numFmtId="0" fontId="9" fillId="2" borderId="5" xfId="1" applyFont="1" applyFill="1" applyBorder="1" applyAlignment="1">
      <alignment horizontal="center" vertical="center" wrapText="1"/>
    </xf>
    <xf numFmtId="0" fontId="9" fillId="2" borderId="10" xfId="1" applyFont="1" applyFill="1" applyBorder="1" applyAlignment="1">
      <alignment horizontal="left" vertical="center" wrapText="1"/>
    </xf>
    <xf numFmtId="0" fontId="10" fillId="2" borderId="20" xfId="1" applyFont="1" applyFill="1" applyBorder="1" applyAlignment="1">
      <alignment horizontal="center" vertical="center" shrinkToFit="1"/>
    </xf>
    <xf numFmtId="0" fontId="10" fillId="2" borderId="22" xfId="1" applyFont="1" applyFill="1" applyBorder="1" applyAlignment="1">
      <alignment horizontal="center" vertical="center" shrinkToFit="1"/>
    </xf>
    <xf numFmtId="0" fontId="10" fillId="2" borderId="21" xfId="1" applyFont="1" applyFill="1" applyBorder="1" applyAlignment="1">
      <alignment horizontal="center" vertical="center" shrinkToFit="1"/>
    </xf>
    <xf numFmtId="0" fontId="11" fillId="2" borderId="10" xfId="1" applyFont="1" applyFill="1" applyBorder="1" applyAlignment="1">
      <alignment horizontal="left" vertical="center" wrapText="1"/>
    </xf>
    <xf numFmtId="0" fontId="11" fillId="2" borderId="100" xfId="1" applyFont="1" applyFill="1" applyBorder="1" applyAlignment="1">
      <alignment horizontal="left" vertical="center" wrapText="1"/>
    </xf>
    <xf numFmtId="0" fontId="9" fillId="2" borderId="106" xfId="1" applyFont="1" applyFill="1" applyBorder="1" applyAlignment="1">
      <alignment horizontal="center" vertical="center" wrapText="1"/>
    </xf>
    <xf numFmtId="0" fontId="9" fillId="2" borderId="73" xfId="1" applyFont="1" applyFill="1" applyBorder="1" applyAlignment="1">
      <alignment horizontal="left" vertical="center" wrapText="1"/>
    </xf>
    <xf numFmtId="0" fontId="10" fillId="2" borderId="74" xfId="1" applyFont="1" applyFill="1" applyBorder="1" applyAlignment="1">
      <alignment horizontal="center" vertical="center" shrinkToFit="1"/>
    </xf>
    <xf numFmtId="0" fontId="10" fillId="2" borderId="76" xfId="1" applyFont="1" applyFill="1" applyBorder="1" applyAlignment="1">
      <alignment horizontal="center" vertical="center" shrinkToFit="1"/>
    </xf>
    <xf numFmtId="0" fontId="10" fillId="2" borderId="75" xfId="1" applyFont="1" applyFill="1" applyBorder="1" applyAlignment="1">
      <alignment horizontal="center" vertical="center" shrinkToFit="1"/>
    </xf>
    <xf numFmtId="0" fontId="11" fillId="2" borderId="73" xfId="1" applyFont="1" applyFill="1" applyBorder="1" applyAlignment="1">
      <alignment horizontal="left" vertical="center" wrapText="1"/>
    </xf>
    <xf numFmtId="0" fontId="11" fillId="2" borderId="155" xfId="1" applyFont="1" applyFill="1" applyBorder="1" applyAlignment="1">
      <alignment horizontal="left" vertical="center" wrapText="1"/>
    </xf>
    <xf numFmtId="0" fontId="17" fillId="2" borderId="0" xfId="1" applyFont="1" applyFill="1" applyAlignment="1">
      <alignment horizontal="left" wrapText="1"/>
    </xf>
    <xf numFmtId="0" fontId="17" fillId="2" borderId="87" xfId="1" applyFont="1" applyFill="1" applyBorder="1" applyAlignment="1">
      <alignment horizontal="left" wrapText="1"/>
    </xf>
    <xf numFmtId="0" fontId="9" fillId="2" borderId="100" xfId="1" applyFont="1" applyFill="1" applyBorder="1" applyAlignment="1">
      <alignment horizontal="left" vertical="center" wrapText="1"/>
    </xf>
    <xf numFmtId="49" fontId="9" fillId="2" borderId="0" xfId="1" applyNumberFormat="1" applyFont="1" applyFill="1" applyAlignment="1">
      <alignment horizontal="center" vertical="center" wrapText="1"/>
    </xf>
    <xf numFmtId="0" fontId="9" fillId="2" borderId="19" xfId="1" applyFont="1" applyFill="1" applyBorder="1" applyAlignment="1">
      <alignment horizontal="center" vertical="center" wrapText="1"/>
    </xf>
    <xf numFmtId="0" fontId="34" fillId="2" borderId="18" xfId="3" applyFont="1" applyFill="1" applyBorder="1" applyAlignment="1">
      <alignment horizontal="left" vertical="center" wrapText="1"/>
    </xf>
    <xf numFmtId="0" fontId="11" fillId="2" borderId="0" xfId="1" applyFont="1" applyFill="1" applyAlignment="1">
      <alignment horizontal="left" vertical="center"/>
    </xf>
    <xf numFmtId="0" fontId="11" fillId="2" borderId="19" xfId="1" applyFont="1" applyFill="1" applyBorder="1" applyAlignment="1">
      <alignment horizontal="left" vertical="center"/>
    </xf>
    <xf numFmtId="49" fontId="10" fillId="2" borderId="22" xfId="1" applyNumberFormat="1" applyFont="1" applyFill="1" applyBorder="1" applyAlignment="1">
      <alignment horizontal="right" vertical="center" wrapText="1"/>
    </xf>
    <xf numFmtId="49" fontId="9" fillId="2" borderId="10" xfId="1" applyNumberFormat="1" applyFont="1" applyFill="1" applyBorder="1" applyAlignment="1">
      <alignment horizontal="left" vertical="center" wrapText="1"/>
    </xf>
    <xf numFmtId="49" fontId="9" fillId="2" borderId="100" xfId="1" applyNumberFormat="1" applyFont="1" applyFill="1" applyBorder="1" applyAlignment="1">
      <alignment horizontal="left" vertical="center" wrapText="1"/>
    </xf>
    <xf numFmtId="0" fontId="9" fillId="5" borderId="37" xfId="1" applyFont="1" applyFill="1" applyBorder="1" applyAlignment="1">
      <alignment horizontal="left" vertical="center" wrapText="1"/>
    </xf>
    <xf numFmtId="0" fontId="9" fillId="5" borderId="38" xfId="1" applyFont="1" applyFill="1" applyBorder="1" applyAlignment="1">
      <alignment horizontal="left" vertical="center" wrapText="1"/>
    </xf>
    <xf numFmtId="0" fontId="9" fillId="5" borderId="15" xfId="1" applyFont="1" applyFill="1" applyBorder="1" applyAlignment="1">
      <alignment horizontal="left" vertical="center" wrapText="1"/>
    </xf>
    <xf numFmtId="0" fontId="9" fillId="5" borderId="16" xfId="1" applyFont="1" applyFill="1" applyBorder="1" applyAlignment="1">
      <alignment horizontal="left" vertical="center" wrapText="1"/>
    </xf>
    <xf numFmtId="0" fontId="9" fillId="2" borderId="102" xfId="1" applyFont="1" applyFill="1" applyBorder="1" applyAlignment="1">
      <alignment horizontal="center" vertical="center" wrapText="1"/>
    </xf>
    <xf numFmtId="0" fontId="9" fillId="2" borderId="20" xfId="1" applyFont="1" applyFill="1" applyBorder="1" applyAlignment="1">
      <alignment horizontal="right" vertical="center" wrapText="1"/>
    </xf>
    <xf numFmtId="0" fontId="9" fillId="2" borderId="22" xfId="1" applyFont="1" applyFill="1" applyBorder="1" applyAlignment="1">
      <alignment horizontal="right" vertical="center" wrapText="1"/>
    </xf>
    <xf numFmtId="49" fontId="9" fillId="2" borderId="23" xfId="1" applyNumberFormat="1" applyFont="1" applyFill="1" applyBorder="1" applyAlignment="1">
      <alignment horizontal="center" vertical="center" wrapText="1"/>
    </xf>
    <xf numFmtId="0" fontId="11" fillId="2" borderId="22" xfId="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1" fillId="2" borderId="22" xfId="1" applyFont="1" applyFill="1" applyBorder="1" applyAlignment="1">
      <alignment horizontal="center" vertical="center" shrinkToFit="1"/>
    </xf>
    <xf numFmtId="0" fontId="11" fillId="2" borderId="21" xfId="1" applyFont="1" applyFill="1" applyBorder="1" applyAlignment="1">
      <alignment horizontal="center" vertical="center" shrinkToFit="1"/>
    </xf>
    <xf numFmtId="0" fontId="11" fillId="2" borderId="20" xfId="1" applyFont="1" applyFill="1" applyBorder="1" applyAlignment="1">
      <alignment horizontal="right" vertical="top"/>
    </xf>
    <xf numFmtId="0" fontId="11" fillId="2" borderId="22" xfId="1" applyFont="1" applyFill="1" applyBorder="1" applyAlignment="1">
      <alignment horizontal="right" vertical="top"/>
    </xf>
    <xf numFmtId="0" fontId="9" fillId="2" borderId="23" xfId="1" applyFont="1" applyFill="1" applyBorder="1" applyAlignment="1">
      <alignment horizontal="center" vertical="center" wrapText="1"/>
    </xf>
    <xf numFmtId="0" fontId="9" fillId="2" borderId="71" xfId="1" applyFont="1" applyFill="1" applyBorder="1" applyAlignment="1">
      <alignment horizontal="center" vertical="center" wrapText="1"/>
    </xf>
    <xf numFmtId="0" fontId="18" fillId="2" borderId="0" xfId="1" applyFont="1" applyFill="1" applyAlignment="1">
      <alignment horizontal="left" vertical="center"/>
    </xf>
    <xf numFmtId="0" fontId="11" fillId="0" borderId="22" xfId="1" applyFont="1" applyBorder="1" applyAlignment="1">
      <alignment horizontal="center" vertical="center" wrapText="1"/>
    </xf>
    <xf numFmtId="0" fontId="11" fillId="0" borderId="23" xfId="1" applyFont="1" applyBorder="1" applyAlignment="1">
      <alignment horizontal="center" vertical="center" wrapText="1"/>
    </xf>
    <xf numFmtId="0" fontId="9" fillId="2" borderId="72" xfId="1" applyFont="1" applyFill="1" applyBorder="1" applyAlignment="1">
      <alignment horizontal="center" vertical="center" wrapText="1"/>
    </xf>
    <xf numFmtId="0" fontId="11" fillId="2" borderId="74" xfId="1" applyFont="1" applyFill="1" applyBorder="1" applyAlignment="1">
      <alignment horizontal="center" vertical="center"/>
    </xf>
    <xf numFmtId="0" fontId="11" fillId="2" borderId="76" xfId="1" applyFont="1" applyFill="1" applyBorder="1" applyAlignment="1">
      <alignment horizontal="center" vertical="center"/>
    </xf>
    <xf numFmtId="0" fontId="11" fillId="2" borderId="77" xfId="1" applyFont="1" applyFill="1" applyBorder="1" applyAlignment="1">
      <alignment horizontal="center" vertical="center"/>
    </xf>
    <xf numFmtId="0" fontId="11" fillId="2" borderId="0" xfId="1" applyFont="1" applyFill="1" applyAlignment="1">
      <alignment horizontal="left" vertical="top" wrapText="1" indent="4"/>
    </xf>
    <xf numFmtId="0" fontId="11" fillId="2" borderId="0" xfId="1" applyFont="1" applyFill="1" applyAlignment="1">
      <alignment horizontal="left" vertical="top" wrapText="1"/>
    </xf>
    <xf numFmtId="0" fontId="11" fillId="2" borderId="0" xfId="1" applyFont="1" applyFill="1" applyAlignment="1">
      <alignment horizontal="left" vertical="top" indent="8"/>
    </xf>
    <xf numFmtId="0" fontId="11" fillId="2" borderId="0" xfId="1" applyFont="1" applyFill="1" applyAlignment="1">
      <alignment horizontal="left" vertical="top" wrapText="1"/>
    </xf>
    <xf numFmtId="0" fontId="6" fillId="2" borderId="25" xfId="1" applyFont="1" applyFill="1" applyBorder="1" applyAlignment="1">
      <alignment horizontal="left" vertical="center" wrapText="1"/>
    </xf>
    <xf numFmtId="0" fontId="6" fillId="2" borderId="26" xfId="1" applyFont="1" applyFill="1" applyBorder="1" applyAlignment="1">
      <alignment horizontal="left" vertical="center" wrapText="1"/>
    </xf>
    <xf numFmtId="0" fontId="6" fillId="2" borderId="28" xfId="1" applyFont="1" applyFill="1" applyBorder="1" applyAlignment="1">
      <alignment horizontal="left" vertical="center" wrapText="1"/>
    </xf>
    <xf numFmtId="0" fontId="6" fillId="2" borderId="98" xfId="1" applyFont="1" applyFill="1" applyBorder="1" applyAlignment="1">
      <alignment horizontal="left" vertical="center" wrapText="1"/>
    </xf>
    <xf numFmtId="0" fontId="6" fillId="2" borderId="15" xfId="1" applyFont="1" applyFill="1" applyBorder="1" applyAlignment="1">
      <alignment horizontal="center" vertical="top" wrapText="1"/>
    </xf>
    <xf numFmtId="0" fontId="6" fillId="2" borderId="16" xfId="1" applyFont="1" applyFill="1" applyBorder="1" applyAlignment="1">
      <alignment horizontal="center" vertical="top" wrapText="1"/>
    </xf>
    <xf numFmtId="49" fontId="8" fillId="2" borderId="22" xfId="1" applyNumberFormat="1" applyFont="1" applyFill="1" applyBorder="1" applyAlignment="1">
      <alignment horizontal="center" vertical="center" wrapText="1"/>
    </xf>
    <xf numFmtId="0" fontId="6" fillId="2" borderId="32" xfId="1" applyFont="1" applyFill="1" applyBorder="1" applyAlignment="1">
      <alignment horizontal="left" vertical="center" wrapText="1"/>
    </xf>
    <xf numFmtId="49" fontId="6" fillId="2" borderId="27" xfId="1" applyNumberFormat="1" applyFont="1" applyFill="1" applyBorder="1" applyAlignment="1">
      <alignment horizontal="center" vertical="center" wrapText="1"/>
    </xf>
    <xf numFmtId="49" fontId="6" fillId="2" borderId="19" xfId="1" applyNumberFormat="1" applyFont="1" applyFill="1" applyBorder="1" applyAlignment="1">
      <alignment horizontal="center" vertical="top"/>
    </xf>
    <xf numFmtId="176" fontId="6" fillId="2" borderId="20" xfId="1" applyNumberFormat="1" applyFont="1" applyFill="1" applyBorder="1" applyAlignment="1">
      <alignment horizontal="left" vertical="center" wrapText="1" indent="1"/>
    </xf>
    <xf numFmtId="176" fontId="6" fillId="2" borderId="22" xfId="1" applyNumberFormat="1" applyFont="1" applyFill="1" applyBorder="1" applyAlignment="1">
      <alignment horizontal="left" vertical="center" wrapText="1" indent="1"/>
    </xf>
    <xf numFmtId="176" fontId="6" fillId="2" borderId="21" xfId="1" applyNumberFormat="1" applyFont="1" applyFill="1" applyBorder="1" applyAlignment="1">
      <alignment horizontal="left" vertical="center" wrapText="1" indent="1"/>
    </xf>
    <xf numFmtId="0" fontId="6" fillId="2" borderId="20" xfId="1" applyFont="1" applyFill="1" applyBorder="1" applyAlignment="1">
      <alignment horizontal="center" vertical="center" shrinkToFit="1"/>
    </xf>
    <xf numFmtId="0" fontId="6" fillId="2" borderId="22" xfId="1" applyFont="1" applyFill="1" applyBorder="1" applyAlignment="1">
      <alignment horizontal="center" vertical="center" shrinkToFit="1"/>
    </xf>
    <xf numFmtId="0" fontId="6" fillId="2" borderId="21" xfId="1" applyFont="1" applyFill="1" applyBorder="1" applyAlignment="1">
      <alignment horizontal="center" vertical="center" shrinkToFit="1"/>
    </xf>
    <xf numFmtId="0" fontId="6" fillId="2" borderId="7" xfId="1" applyFont="1" applyFill="1" applyBorder="1" applyAlignment="1">
      <alignment horizontal="center" vertical="center" shrinkToFit="1"/>
    </xf>
    <xf numFmtId="0" fontId="6" fillId="2" borderId="9" xfId="1" applyFont="1" applyFill="1" applyBorder="1" applyAlignment="1">
      <alignment horizontal="center" vertical="center" shrinkToFit="1"/>
    </xf>
    <xf numFmtId="0" fontId="6" fillId="0" borderId="20" xfId="1" applyFont="1" applyFill="1" applyBorder="1" applyAlignment="1">
      <alignment horizontal="center" vertical="center" wrapText="1"/>
    </xf>
    <xf numFmtId="0" fontId="6" fillId="0" borderId="22" xfId="1" applyFont="1" applyFill="1" applyBorder="1" applyAlignment="1">
      <alignment horizontal="center" vertical="center" wrapText="1"/>
    </xf>
    <xf numFmtId="0" fontId="6" fillId="0" borderId="21" xfId="1" applyFont="1" applyFill="1" applyBorder="1" applyAlignment="1">
      <alignment horizontal="center" vertical="center" wrapText="1"/>
    </xf>
    <xf numFmtId="0" fontId="8" fillId="0" borderId="10" xfId="1" applyFont="1" applyFill="1" applyBorder="1" applyAlignment="1">
      <alignment horizontal="center" vertical="center" shrinkToFit="1"/>
    </xf>
    <xf numFmtId="49" fontId="8" fillId="0" borderId="20" xfId="1" applyNumberFormat="1" applyFont="1" applyFill="1" applyBorder="1" applyAlignment="1">
      <alignment horizontal="left" vertical="center" shrinkToFit="1"/>
    </xf>
    <xf numFmtId="49" fontId="8" fillId="0" borderId="22" xfId="1" applyNumberFormat="1" applyFont="1" applyFill="1" applyBorder="1" applyAlignment="1">
      <alignment horizontal="left" vertical="center" shrinkToFit="1"/>
    </xf>
    <xf numFmtId="49" fontId="8" fillId="0" borderId="23" xfId="1" applyNumberFormat="1" applyFont="1" applyFill="1" applyBorder="1" applyAlignment="1">
      <alignment horizontal="left" vertical="center" shrinkToFit="1"/>
    </xf>
    <xf numFmtId="0" fontId="4" fillId="0" borderId="20" xfId="1" applyFont="1" applyFill="1" applyBorder="1" applyAlignment="1">
      <alignment horizontal="center" vertical="center" wrapText="1"/>
    </xf>
    <xf numFmtId="0" fontId="4" fillId="0" borderId="22" xfId="1" applyFont="1" applyFill="1" applyBorder="1" applyAlignment="1">
      <alignment horizontal="center" vertical="center" wrapText="1"/>
    </xf>
    <xf numFmtId="0" fontId="4" fillId="0" borderId="21" xfId="1" applyFont="1" applyFill="1" applyBorder="1" applyAlignment="1">
      <alignment horizontal="center" vertical="center" wrapText="1"/>
    </xf>
    <xf numFmtId="0" fontId="62" fillId="0" borderId="45" xfId="1" applyFont="1" applyFill="1" applyBorder="1" applyAlignment="1">
      <alignment horizontal="center" vertical="center" wrapText="1"/>
    </xf>
    <xf numFmtId="0" fontId="62" fillId="0" borderId="46" xfId="1" applyFont="1" applyFill="1" applyBorder="1" applyAlignment="1">
      <alignment horizontal="center" vertical="center" wrapText="1"/>
    </xf>
    <xf numFmtId="0" fontId="62" fillId="0" borderId="47" xfId="1" applyFont="1" applyFill="1" applyBorder="1" applyAlignment="1">
      <alignment horizontal="center" vertical="center" wrapText="1"/>
    </xf>
    <xf numFmtId="0" fontId="62" fillId="0" borderId="48" xfId="1" applyFont="1" applyFill="1" applyBorder="1" applyAlignment="1">
      <alignment horizontal="center" vertical="center" wrapText="1"/>
    </xf>
    <xf numFmtId="0" fontId="62" fillId="0" borderId="49" xfId="1" applyFont="1" applyFill="1" applyBorder="1" applyAlignment="1">
      <alignment horizontal="center" vertical="center" wrapText="1"/>
    </xf>
    <xf numFmtId="0" fontId="62" fillId="0" borderId="50" xfId="1" applyFont="1" applyFill="1" applyBorder="1" applyAlignment="1">
      <alignment horizontal="center" vertical="center" wrapText="1"/>
    </xf>
    <xf numFmtId="0" fontId="6" fillId="2" borderId="20" xfId="1" applyFont="1" applyFill="1" applyBorder="1" applyAlignment="1">
      <alignment vertical="center" wrapText="1"/>
    </xf>
    <xf numFmtId="0" fontId="5" fillId="2" borderId="20" xfId="1" applyFont="1" applyFill="1" applyBorder="1" applyAlignment="1">
      <alignment horizontal="left" vertical="center" wrapText="1"/>
    </xf>
    <xf numFmtId="0" fontId="5" fillId="2" borderId="22" xfId="1" applyFont="1" applyFill="1" applyBorder="1" applyAlignment="1">
      <alignment horizontal="left" vertical="center" wrapText="1"/>
    </xf>
    <xf numFmtId="0" fontId="5" fillId="2" borderId="21" xfId="1" applyFont="1" applyFill="1" applyBorder="1" applyAlignment="1">
      <alignment horizontal="left" vertical="center" wrapText="1"/>
    </xf>
    <xf numFmtId="0" fontId="8" fillId="2" borderId="10" xfId="1" applyFont="1" applyFill="1" applyBorder="1" applyAlignment="1">
      <alignment horizontal="center" vertical="center" shrinkToFit="1"/>
    </xf>
    <xf numFmtId="49" fontId="8" fillId="2" borderId="20" xfId="1" applyNumberFormat="1" applyFont="1" applyFill="1" applyBorder="1" applyAlignment="1">
      <alignment horizontal="left" vertical="center" shrinkToFit="1"/>
    </xf>
    <xf numFmtId="49" fontId="8" fillId="2" borderId="22" xfId="1" applyNumberFormat="1" applyFont="1" applyFill="1" applyBorder="1" applyAlignment="1">
      <alignment horizontal="left" vertical="center" shrinkToFit="1"/>
    </xf>
    <xf numFmtId="49" fontId="8" fillId="2" borderId="23" xfId="1" applyNumberFormat="1" applyFont="1" applyFill="1" applyBorder="1" applyAlignment="1">
      <alignment horizontal="left" vertical="center" shrinkToFit="1"/>
    </xf>
    <xf numFmtId="0" fontId="6" fillId="2" borderId="5" xfId="1" applyFont="1" applyFill="1" applyBorder="1" applyAlignment="1">
      <alignment horizontal="center" vertical="center" wrapText="1"/>
    </xf>
    <xf numFmtId="0" fontId="5" fillId="2" borderId="20" xfId="1" applyFont="1" applyFill="1" applyBorder="1" applyAlignment="1">
      <alignment horizontal="left" vertical="top" wrapText="1"/>
    </xf>
    <xf numFmtId="0" fontId="5" fillId="2" borderId="22" xfId="1" applyFont="1" applyFill="1" applyBorder="1" applyAlignment="1">
      <alignment horizontal="left" vertical="top" wrapText="1"/>
    </xf>
    <xf numFmtId="0" fontId="5" fillId="2" borderId="21" xfId="1" applyFont="1" applyFill="1" applyBorder="1" applyAlignment="1">
      <alignment horizontal="left" vertical="top" wrapText="1"/>
    </xf>
    <xf numFmtId="0" fontId="6" fillId="2" borderId="24" xfId="1" applyFont="1" applyFill="1" applyBorder="1" applyAlignment="1">
      <alignment horizontal="center" vertical="center" wrapText="1"/>
    </xf>
    <xf numFmtId="0" fontId="6" fillId="5" borderId="27" xfId="1" applyFont="1" applyFill="1" applyBorder="1" applyAlignment="1">
      <alignment horizontal="left" vertical="center" wrapText="1"/>
    </xf>
    <xf numFmtId="0" fontId="6" fillId="2" borderId="38" xfId="1" applyFont="1" applyFill="1" applyBorder="1" applyAlignment="1">
      <alignment vertical="center" wrapText="1"/>
    </xf>
    <xf numFmtId="0" fontId="6" fillId="2" borderId="27" xfId="1" applyFont="1" applyFill="1" applyBorder="1" applyAlignment="1">
      <alignment vertical="center" wrapText="1"/>
    </xf>
    <xf numFmtId="0" fontId="6" fillId="2" borderId="103" xfId="1" applyFont="1" applyFill="1" applyBorder="1" applyAlignment="1">
      <alignment vertical="center" wrapText="1"/>
    </xf>
    <xf numFmtId="0" fontId="6" fillId="2" borderId="103" xfId="1" applyFont="1" applyFill="1" applyBorder="1" applyAlignment="1">
      <alignment horizontal="center" vertical="center" wrapText="1"/>
    </xf>
    <xf numFmtId="0" fontId="6" fillId="2" borderId="33" xfId="1" applyFont="1" applyFill="1" applyBorder="1" applyAlignment="1">
      <alignment horizontal="left" vertical="top" wrapText="1"/>
    </xf>
    <xf numFmtId="0" fontId="6" fillId="2" borderId="54" xfId="1" applyFont="1" applyFill="1" applyBorder="1" applyAlignment="1">
      <alignment horizontal="left" vertical="top" wrapText="1"/>
    </xf>
    <xf numFmtId="0" fontId="6" fillId="2" borderId="156" xfId="1" applyFont="1" applyFill="1" applyBorder="1" applyAlignment="1">
      <alignment horizontal="center" vertical="center" wrapText="1"/>
    </xf>
    <xf numFmtId="0" fontId="6" fillId="2" borderId="157" xfId="1" applyFont="1" applyFill="1" applyBorder="1" applyAlignment="1">
      <alignment horizontal="center" vertical="center" wrapText="1"/>
    </xf>
    <xf numFmtId="0" fontId="6" fillId="2" borderId="71" xfId="1" applyFont="1" applyFill="1" applyBorder="1" applyAlignment="1">
      <alignment horizontal="center" vertical="center" shrinkToFit="1"/>
    </xf>
    <xf numFmtId="0" fontId="6" fillId="2" borderId="6" xfId="1" applyFont="1" applyFill="1" applyBorder="1" applyAlignment="1">
      <alignment horizontal="center" vertical="center" shrinkToFit="1"/>
    </xf>
    <xf numFmtId="0" fontId="9" fillId="0" borderId="6" xfId="1" applyFont="1" applyFill="1" applyBorder="1" applyAlignment="1">
      <alignment horizontal="left" vertical="center" wrapText="1"/>
    </xf>
    <xf numFmtId="0" fontId="9" fillId="0" borderId="7" xfId="1" applyFont="1" applyFill="1" applyBorder="1" applyAlignment="1">
      <alignment horizontal="left" vertical="center" wrapText="1"/>
    </xf>
    <xf numFmtId="0" fontId="6" fillId="2" borderId="8" xfId="1" applyFont="1" applyFill="1" applyBorder="1" applyAlignment="1">
      <alignment horizontal="center" vertical="center" wrapText="1"/>
    </xf>
    <xf numFmtId="0" fontId="6" fillId="2" borderId="32" xfId="1" applyFont="1" applyFill="1" applyBorder="1" applyAlignment="1">
      <alignment horizontal="center" vertical="center" wrapText="1"/>
    </xf>
    <xf numFmtId="0" fontId="6" fillId="2" borderId="102" xfId="1" applyFont="1" applyFill="1" applyBorder="1" applyAlignment="1">
      <alignment horizontal="center" vertical="top" wrapText="1"/>
    </xf>
    <xf numFmtId="0" fontId="6" fillId="2" borderId="22" xfId="1" applyFont="1" applyFill="1" applyBorder="1" applyAlignment="1">
      <alignment horizontal="center" vertical="top" wrapText="1"/>
    </xf>
    <xf numFmtId="0" fontId="6" fillId="2" borderId="21" xfId="1" applyFont="1" applyFill="1" applyBorder="1" applyAlignment="1">
      <alignment horizontal="center" vertical="center" wrapText="1"/>
    </xf>
    <xf numFmtId="0" fontId="6" fillId="5" borderId="54" xfId="1" applyFont="1" applyFill="1" applyBorder="1" applyAlignment="1">
      <alignment horizontal="left" vertical="center" wrapText="1"/>
    </xf>
    <xf numFmtId="0" fontId="6" fillId="5" borderId="19" xfId="1" applyFont="1" applyFill="1" applyBorder="1" applyAlignment="1">
      <alignment horizontal="left" vertical="center" wrapText="1"/>
    </xf>
    <xf numFmtId="0" fontId="6" fillId="2" borderId="37" xfId="1" applyFont="1" applyFill="1" applyBorder="1" applyAlignment="1">
      <alignment horizontal="center" vertical="center" wrapText="1"/>
    </xf>
    <xf numFmtId="0" fontId="6" fillId="2" borderId="158" xfId="1" applyFont="1" applyFill="1" applyBorder="1" applyAlignment="1">
      <alignment horizontal="center" vertical="center" wrapText="1"/>
    </xf>
    <xf numFmtId="0" fontId="6" fillId="2" borderId="159" xfId="1" applyFont="1" applyFill="1" applyBorder="1" applyAlignment="1">
      <alignment horizontal="left" vertical="center" wrapText="1"/>
    </xf>
    <xf numFmtId="0" fontId="6" fillId="2" borderId="0" xfId="1" applyFont="1" applyFill="1" applyAlignment="1">
      <alignment vertical="top"/>
    </xf>
    <xf numFmtId="0" fontId="17" fillId="2" borderId="0" xfId="1" applyFont="1" applyFill="1" applyAlignment="1">
      <alignment horizontal="left" vertical="top" wrapText="1"/>
    </xf>
    <xf numFmtId="0" fontId="9" fillId="2" borderId="160" xfId="1" applyFont="1" applyFill="1" applyBorder="1" applyAlignment="1">
      <alignment horizontal="center" vertical="center" wrapText="1"/>
    </xf>
    <xf numFmtId="0" fontId="11" fillId="2" borderId="2" xfId="1" applyFont="1" applyFill="1" applyBorder="1" applyAlignment="1">
      <alignment horizontal="left" vertical="top" wrapText="1"/>
    </xf>
    <xf numFmtId="0" fontId="11" fillId="2" borderId="3" xfId="1" applyFont="1" applyFill="1" applyBorder="1" applyAlignment="1">
      <alignment horizontal="left" vertical="top" wrapText="1"/>
    </xf>
    <xf numFmtId="0" fontId="11" fillId="2" borderId="153" xfId="1" applyFont="1" applyFill="1" applyBorder="1" applyAlignment="1">
      <alignment horizontal="left" vertical="top" wrapText="1"/>
    </xf>
    <xf numFmtId="0" fontId="11" fillId="2" borderId="70" xfId="1" applyFont="1" applyFill="1" applyBorder="1" applyAlignment="1">
      <alignment horizontal="left" vertical="top" wrapText="1"/>
    </xf>
    <xf numFmtId="0" fontId="11" fillId="2" borderId="154" xfId="1" applyFont="1" applyFill="1" applyBorder="1" applyAlignment="1">
      <alignment horizontal="left" vertical="top" wrapText="1"/>
    </xf>
    <xf numFmtId="0" fontId="11" fillId="2" borderId="20" xfId="1" applyFont="1" applyFill="1" applyBorder="1" applyAlignment="1">
      <alignment horizontal="left" vertical="top" wrapText="1"/>
    </xf>
    <xf numFmtId="0" fontId="11" fillId="2" borderId="22" xfId="1" applyFont="1" applyFill="1" applyBorder="1" applyAlignment="1">
      <alignment horizontal="left" vertical="top" wrapText="1"/>
    </xf>
    <xf numFmtId="0" fontId="11" fillId="2" borderId="21" xfId="1" applyFont="1" applyFill="1" applyBorder="1" applyAlignment="1">
      <alignment horizontal="left" vertical="top" wrapText="1"/>
    </xf>
    <xf numFmtId="0" fontId="11" fillId="2" borderId="10" xfId="1" applyFont="1" applyFill="1" applyBorder="1" applyAlignment="1">
      <alignment horizontal="left" vertical="top" wrapText="1"/>
    </xf>
    <xf numFmtId="0" fontId="11" fillId="2" borderId="100" xfId="1" applyFont="1" applyFill="1" applyBorder="1" applyAlignment="1">
      <alignment horizontal="left" vertical="top" wrapText="1"/>
    </xf>
    <xf numFmtId="0" fontId="9" fillId="2" borderId="159" xfId="1" applyFont="1" applyFill="1" applyBorder="1" applyAlignment="1">
      <alignment horizontal="center" vertical="center" wrapText="1"/>
    </xf>
    <xf numFmtId="0" fontId="11" fillId="2" borderId="74" xfId="1" applyFont="1" applyFill="1" applyBorder="1" applyAlignment="1">
      <alignment horizontal="left" vertical="top" wrapText="1"/>
    </xf>
    <xf numFmtId="0" fontId="11" fillId="2" borderId="76" xfId="1" applyFont="1" applyFill="1" applyBorder="1" applyAlignment="1">
      <alignment horizontal="left" vertical="top" wrapText="1"/>
    </xf>
    <xf numFmtId="0" fontId="11" fillId="2" borderId="75" xfId="1" applyFont="1" applyFill="1" applyBorder="1" applyAlignment="1">
      <alignment horizontal="left" vertical="top" wrapText="1"/>
    </xf>
    <xf numFmtId="0" fontId="11" fillId="2" borderId="73" xfId="1" applyFont="1" applyFill="1" applyBorder="1" applyAlignment="1">
      <alignment horizontal="left" vertical="top" wrapText="1"/>
    </xf>
    <xf numFmtId="0" fontId="11" fillId="2" borderId="155" xfId="1" applyFont="1" applyFill="1" applyBorder="1" applyAlignment="1">
      <alignment horizontal="left" vertical="top" wrapText="1"/>
    </xf>
    <xf numFmtId="0" fontId="2" fillId="2" borderId="87" xfId="1" applyFont="1" applyFill="1" applyBorder="1" applyAlignment="1">
      <alignment horizontal="left" vertical="top"/>
    </xf>
    <xf numFmtId="0" fontId="5" fillId="2" borderId="87" xfId="1" applyFont="1" applyFill="1" applyBorder="1" applyAlignment="1">
      <alignment horizontal="left" vertical="top"/>
    </xf>
    <xf numFmtId="0" fontId="6" fillId="2" borderId="78" xfId="1" applyFont="1" applyFill="1" applyBorder="1" applyAlignment="1">
      <alignment horizontal="center" vertical="center" textRotation="255" wrapText="1"/>
    </xf>
    <xf numFmtId="0" fontId="6" fillId="2" borderId="35" xfId="1" applyFont="1" applyFill="1" applyBorder="1" applyAlignment="1">
      <alignment horizontal="center" vertical="center" wrapText="1"/>
    </xf>
    <xf numFmtId="0" fontId="6" fillId="2" borderId="96" xfId="1" applyFont="1" applyFill="1" applyBorder="1" applyAlignment="1">
      <alignment horizontal="center" vertical="center" wrapText="1"/>
    </xf>
    <xf numFmtId="0" fontId="6" fillId="2" borderId="35" xfId="1" applyFont="1" applyFill="1" applyBorder="1" applyAlignment="1">
      <alignment horizontal="left" vertical="center" wrapText="1"/>
    </xf>
    <xf numFmtId="0" fontId="7" fillId="2" borderId="57" xfId="1" applyFont="1" applyFill="1" applyBorder="1" applyAlignment="1">
      <alignment horizontal="left" vertical="center" wrapText="1"/>
    </xf>
    <xf numFmtId="0" fontId="24" fillId="2" borderId="0" xfId="3" applyFont="1" applyFill="1" applyAlignment="1">
      <alignment horizontal="right" vertical="center" wrapText="1"/>
    </xf>
    <xf numFmtId="49" fontId="6" fillId="2" borderId="21" xfId="1" applyNumberFormat="1" applyFont="1" applyFill="1" applyBorder="1" applyAlignment="1">
      <alignment horizontal="center" vertical="center" wrapText="1"/>
    </xf>
    <xf numFmtId="0" fontId="6" fillId="2" borderId="20" xfId="1" applyFont="1" applyFill="1" applyBorder="1" applyAlignment="1">
      <alignment vertical="center"/>
    </xf>
    <xf numFmtId="0" fontId="6" fillId="2" borderId="83" xfId="1" applyFont="1" applyFill="1" applyBorder="1" applyAlignment="1">
      <alignment horizontal="center" vertical="center" textRotation="255" wrapText="1"/>
    </xf>
    <xf numFmtId="0" fontId="6" fillId="2" borderId="93" xfId="1" applyFont="1" applyFill="1" applyBorder="1" applyAlignment="1">
      <alignment horizontal="left" vertical="center"/>
    </xf>
    <xf numFmtId="0" fontId="6" fillId="2" borderId="11" xfId="1" applyFont="1" applyFill="1" applyBorder="1" applyAlignment="1">
      <alignment horizontal="left" vertical="center"/>
    </xf>
    <xf numFmtId="0" fontId="5" fillId="2" borderId="13" xfId="1" applyFont="1" applyFill="1" applyBorder="1" applyAlignment="1">
      <alignment horizontal="center" vertical="center"/>
    </xf>
    <xf numFmtId="31" fontId="6" fillId="2" borderId="14" xfId="1" applyNumberFormat="1" applyFont="1" applyFill="1" applyBorder="1" applyAlignment="1">
      <alignment horizontal="center" vertical="center" wrapText="1"/>
    </xf>
    <xf numFmtId="31" fontId="6" fillId="2" borderId="15" xfId="1" applyNumberFormat="1" applyFont="1" applyFill="1" applyBorder="1" applyAlignment="1">
      <alignment horizontal="center" vertical="center" wrapText="1"/>
    </xf>
    <xf numFmtId="31" fontId="6" fillId="2" borderId="16" xfId="1" applyNumberFormat="1" applyFont="1" applyFill="1" applyBorder="1" applyAlignment="1">
      <alignment horizontal="center" vertical="center" wrapText="1"/>
    </xf>
    <xf numFmtId="0" fontId="6" fillId="2" borderId="98" xfId="1" applyFont="1" applyFill="1" applyBorder="1" applyAlignment="1">
      <alignment horizontal="left" vertical="center"/>
    </xf>
    <xf numFmtId="0" fontId="6" fillId="2" borderId="38" xfId="1" applyFont="1" applyFill="1" applyBorder="1" applyAlignment="1">
      <alignment horizontal="left" vertical="center"/>
    </xf>
    <xf numFmtId="31" fontId="6" fillId="2" borderId="18" xfId="1" applyNumberFormat="1" applyFont="1" applyFill="1" applyBorder="1" applyAlignment="1">
      <alignment horizontal="center" vertical="center" wrapText="1"/>
    </xf>
    <xf numFmtId="31" fontId="6" fillId="2" borderId="0" xfId="1" applyNumberFormat="1" applyFont="1" applyFill="1" applyAlignment="1">
      <alignment horizontal="center" vertical="center" wrapText="1"/>
    </xf>
    <xf numFmtId="31" fontId="6" fillId="2" borderId="19" xfId="1" applyNumberFormat="1" applyFont="1" applyFill="1" applyBorder="1" applyAlignment="1">
      <alignment horizontal="center" vertical="center" wrapText="1"/>
    </xf>
    <xf numFmtId="0" fontId="6" fillId="2" borderId="14" xfId="1" applyFont="1" applyFill="1" applyBorder="1" applyAlignment="1">
      <alignment horizontal="left" vertical="center"/>
    </xf>
    <xf numFmtId="0" fontId="6" fillId="2" borderId="15" xfId="1" applyFont="1" applyFill="1" applyBorder="1" applyAlignment="1">
      <alignment horizontal="left" vertical="center"/>
    </xf>
    <xf numFmtId="31" fontId="6" fillId="2" borderId="93" xfId="1" applyNumberFormat="1" applyFont="1" applyFill="1" applyBorder="1" applyAlignment="1">
      <alignment horizontal="center" vertical="center" wrapText="1"/>
    </xf>
    <xf numFmtId="31" fontId="6" fillId="2" borderId="11" xfId="1" applyNumberFormat="1" applyFont="1" applyFill="1" applyBorder="1" applyAlignment="1">
      <alignment horizontal="center" vertical="center" wrapText="1"/>
    </xf>
    <xf numFmtId="31" fontId="6" fillId="2" borderId="12" xfId="1" applyNumberFormat="1" applyFont="1" applyFill="1" applyBorder="1" applyAlignment="1">
      <alignment horizontal="center" vertical="center" wrapText="1"/>
    </xf>
    <xf numFmtId="0" fontId="44" fillId="2" borderId="0" xfId="1" applyFont="1" applyFill="1" applyAlignment="1">
      <alignment horizontal="center" vertical="center" wrapText="1"/>
    </xf>
    <xf numFmtId="49" fontId="5" fillId="2" borderId="15" xfId="1" applyNumberFormat="1" applyFont="1" applyFill="1" applyBorder="1" applyAlignment="1">
      <alignment horizontal="center" vertical="center" wrapText="1"/>
    </xf>
    <xf numFmtId="0" fontId="8" fillId="2" borderId="0" xfId="1" applyFont="1" applyFill="1" applyAlignment="1">
      <alignment horizontal="center" vertical="center" wrapText="1"/>
    </xf>
    <xf numFmtId="0" fontId="8" fillId="2" borderId="16" xfId="1" applyFont="1" applyFill="1" applyBorder="1" applyAlignment="1">
      <alignment horizontal="left" vertical="center" wrapText="1"/>
    </xf>
    <xf numFmtId="0" fontId="9" fillId="0" borderId="142" xfId="1" applyFont="1" applyFill="1" applyBorder="1" applyAlignment="1">
      <alignment horizontal="center" vertical="center" shrinkToFit="1"/>
    </xf>
    <xf numFmtId="0" fontId="9" fillId="0" borderId="27" xfId="1" applyFont="1" applyFill="1" applyBorder="1" applyAlignment="1">
      <alignment horizontal="center" vertical="center" shrinkToFit="1"/>
    </xf>
    <xf numFmtId="0" fontId="9" fillId="0" borderId="18" xfId="1" applyFont="1" applyFill="1" applyBorder="1" applyAlignment="1">
      <alignment horizontal="center" vertical="center" shrinkToFit="1"/>
    </xf>
    <xf numFmtId="0" fontId="9" fillId="0" borderId="0" xfId="1" applyFont="1" applyFill="1" applyBorder="1" applyAlignment="1">
      <alignment horizontal="center" vertical="center" shrinkToFit="1"/>
    </xf>
    <xf numFmtId="0" fontId="9" fillId="0" borderId="19" xfId="1" applyFont="1" applyFill="1" applyBorder="1" applyAlignment="1">
      <alignment horizontal="center" vertical="center" shrinkToFit="1"/>
    </xf>
    <xf numFmtId="0" fontId="10" fillId="0" borderId="21" xfId="1" applyFont="1" applyFill="1" applyBorder="1" applyAlignment="1">
      <alignment horizontal="center" vertical="center" wrapText="1"/>
    </xf>
    <xf numFmtId="0" fontId="10" fillId="0" borderId="10" xfId="1" applyFont="1" applyFill="1" applyBorder="1" applyAlignment="1">
      <alignment horizontal="center" vertical="center" shrinkToFit="1"/>
    </xf>
    <xf numFmtId="49" fontId="11" fillId="0" borderId="98" xfId="1" applyNumberFormat="1" applyFont="1" applyFill="1" applyBorder="1" applyAlignment="1">
      <alignment horizontal="center" vertical="center" shrinkToFit="1"/>
    </xf>
    <xf numFmtId="49" fontId="11" fillId="0" borderId="92" xfId="1" applyNumberFormat="1" applyFont="1" applyFill="1" applyBorder="1" applyAlignment="1">
      <alignment horizontal="center" vertical="center" shrinkToFit="1"/>
    </xf>
    <xf numFmtId="0" fontId="9" fillId="0" borderId="55" xfId="1" applyFont="1" applyFill="1" applyBorder="1" applyAlignment="1">
      <alignment horizontal="center" vertical="center" wrapText="1"/>
    </xf>
    <xf numFmtId="0" fontId="43" fillId="0" borderId="161" xfId="1" applyFont="1" applyFill="1" applyBorder="1" applyAlignment="1">
      <alignment horizontal="center" vertical="center" wrapText="1"/>
    </xf>
    <xf numFmtId="0" fontId="9" fillId="0" borderId="162" xfId="1" applyFont="1" applyFill="1" applyBorder="1" applyAlignment="1">
      <alignment horizontal="center" vertical="center" wrapText="1"/>
    </xf>
    <xf numFmtId="0" fontId="9" fillId="0" borderId="163" xfId="1" applyFont="1" applyFill="1" applyBorder="1" applyAlignment="1">
      <alignment horizontal="center" vertical="center" wrapText="1"/>
    </xf>
    <xf numFmtId="0" fontId="9" fillId="0" borderId="130" xfId="1" applyFont="1" applyFill="1" applyBorder="1" applyAlignment="1">
      <alignment horizontal="center" vertical="center" wrapText="1"/>
    </xf>
    <xf numFmtId="0" fontId="43" fillId="0" borderId="164" xfId="1" applyFont="1" applyFill="1" applyBorder="1" applyAlignment="1">
      <alignment horizontal="center" vertical="center" wrapText="1"/>
    </xf>
    <xf numFmtId="0" fontId="9" fillId="0" borderId="25" xfId="1" applyFont="1" applyFill="1" applyBorder="1" applyAlignment="1">
      <alignment horizontal="left" vertical="center" wrapText="1"/>
    </xf>
    <xf numFmtId="0" fontId="9" fillId="0" borderId="26" xfId="1" applyFont="1" applyFill="1" applyBorder="1" applyAlignment="1">
      <alignment horizontal="left" vertical="center" wrapText="1"/>
    </xf>
    <xf numFmtId="0" fontId="9" fillId="0" borderId="28" xfId="1" applyFont="1" applyFill="1" applyBorder="1" applyAlignment="1">
      <alignment horizontal="left" vertical="center" wrapText="1"/>
    </xf>
    <xf numFmtId="0" fontId="9" fillId="0" borderId="98" xfId="1" applyFont="1" applyFill="1" applyBorder="1" applyAlignment="1">
      <alignment horizontal="left" vertical="center" wrapText="1"/>
    </xf>
    <xf numFmtId="0" fontId="9" fillId="0" borderId="38" xfId="1" applyFont="1" applyFill="1" applyBorder="1" applyAlignment="1">
      <alignment horizontal="left" vertical="center" wrapText="1"/>
    </xf>
    <xf numFmtId="0" fontId="9" fillId="0" borderId="92" xfId="1" applyFont="1" applyFill="1" applyBorder="1" applyAlignment="1">
      <alignment horizontal="left" vertical="center" wrapText="1"/>
    </xf>
    <xf numFmtId="0" fontId="9" fillId="0" borderId="123" xfId="1" applyFont="1" applyFill="1" applyBorder="1" applyAlignment="1">
      <alignment horizontal="left" vertical="center" wrapText="1"/>
    </xf>
    <xf numFmtId="0" fontId="9" fillId="0" borderId="122" xfId="1" applyFont="1" applyFill="1" applyBorder="1" applyAlignment="1">
      <alignment horizontal="left" vertical="center" wrapText="1"/>
    </xf>
    <xf numFmtId="0" fontId="9" fillId="0" borderId="124" xfId="1" applyFont="1" applyFill="1" applyBorder="1" applyAlignment="1">
      <alignment horizontal="left" vertical="center" wrapText="1"/>
    </xf>
    <xf numFmtId="0" fontId="6" fillId="2" borderId="165" xfId="1" applyFont="1" applyFill="1" applyBorder="1" applyAlignment="1">
      <alignment horizontal="center" vertical="center" wrapText="1"/>
    </xf>
    <xf numFmtId="0" fontId="6" fillId="2" borderId="100" xfId="1" applyFont="1" applyFill="1" applyBorder="1" applyAlignment="1">
      <alignment horizontal="center" vertical="center" wrapText="1"/>
    </xf>
    <xf numFmtId="0" fontId="6" fillId="2" borderId="129"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30" xfId="1" applyFont="1" applyFill="1" applyBorder="1" applyAlignment="1">
      <alignment horizontal="center" vertical="center" wrapText="1"/>
    </xf>
    <xf numFmtId="0" fontId="5" fillId="0" borderId="30" xfId="1" applyFont="1" applyBorder="1" applyAlignment="1">
      <alignment horizontal="center" vertical="center" wrapText="1"/>
    </xf>
    <xf numFmtId="0" fontId="6" fillId="2" borderId="166" xfId="1" applyFont="1" applyFill="1" applyBorder="1" applyAlignment="1">
      <alignment horizontal="center" wrapText="1"/>
    </xf>
    <xf numFmtId="0" fontId="6" fillId="2" borderId="167" xfId="1" applyFont="1" applyFill="1" applyBorder="1" applyAlignment="1">
      <alignment horizontal="left" wrapText="1"/>
    </xf>
    <xf numFmtId="0" fontId="6" fillId="2" borderId="168" xfId="1" applyFont="1" applyFill="1" applyBorder="1" applyAlignment="1">
      <alignment horizontal="left" wrapText="1"/>
    </xf>
    <xf numFmtId="0" fontId="6" fillId="2" borderId="43" xfId="1" applyFont="1" applyFill="1" applyBorder="1" applyAlignment="1">
      <alignment vertical="center"/>
    </xf>
    <xf numFmtId="0" fontId="6" fillId="2" borderId="15" xfId="1" applyFont="1" applyFill="1" applyBorder="1" applyAlignment="1">
      <alignment vertical="center" wrapText="1"/>
    </xf>
    <xf numFmtId="0" fontId="6" fillId="2" borderId="16" xfId="1" applyFont="1" applyFill="1" applyBorder="1" applyAlignment="1">
      <alignment vertical="center" wrapText="1"/>
    </xf>
    <xf numFmtId="0" fontId="6" fillId="2" borderId="51"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6" fillId="0" borderId="20" xfId="1" applyFont="1" applyBorder="1" applyAlignment="1">
      <alignment vertical="center" wrapText="1"/>
    </xf>
    <xf numFmtId="0" fontId="5" fillId="0" borderId="22" xfId="1" applyFont="1" applyBorder="1" applyAlignment="1">
      <alignment vertical="center" wrapText="1"/>
    </xf>
    <xf numFmtId="0" fontId="5" fillId="0" borderId="23" xfId="1" applyFont="1" applyBorder="1" applyAlignment="1">
      <alignment vertical="center" wrapText="1"/>
    </xf>
    <xf numFmtId="0" fontId="6" fillId="2" borderId="169" xfId="1" applyFont="1" applyFill="1" applyBorder="1" applyAlignment="1">
      <alignment horizontal="center" vertical="center" wrapText="1"/>
    </xf>
    <xf numFmtId="0" fontId="6" fillId="2" borderId="36" xfId="1" applyFont="1" applyFill="1" applyBorder="1" applyAlignment="1">
      <alignment horizontal="center" vertical="center" wrapText="1"/>
    </xf>
    <xf numFmtId="0" fontId="6" fillId="2" borderId="11" xfId="1" applyFont="1" applyFill="1" applyBorder="1" applyAlignment="1">
      <alignment vertical="center" wrapText="1"/>
    </xf>
    <xf numFmtId="0" fontId="6" fillId="2" borderId="12" xfId="1" applyFont="1" applyFill="1" applyBorder="1" applyAlignment="1">
      <alignment vertical="center" wrapText="1"/>
    </xf>
    <xf numFmtId="0" fontId="6" fillId="2" borderId="93" xfId="1" applyFont="1" applyFill="1" applyBorder="1" applyAlignment="1">
      <alignment vertical="center" wrapText="1"/>
    </xf>
    <xf numFmtId="0" fontId="6" fillId="2" borderId="139" xfId="1" applyFont="1" applyFill="1" applyBorder="1" applyAlignment="1">
      <alignment horizontal="left" vertical="center" wrapText="1"/>
    </xf>
    <xf numFmtId="0" fontId="63" fillId="2" borderId="0" xfId="1" applyFont="1" applyFill="1" applyAlignment="1">
      <alignment horizontal="left" vertical="center"/>
    </xf>
    <xf numFmtId="0" fontId="9" fillId="2" borderId="132" xfId="1" applyFont="1" applyFill="1" applyBorder="1" applyAlignment="1">
      <alignment horizontal="left" vertical="center" wrapText="1"/>
    </xf>
    <xf numFmtId="0" fontId="9" fillId="2" borderId="98" xfId="1" applyFont="1" applyFill="1" applyBorder="1" applyAlignment="1">
      <alignment horizontal="left" vertical="center" wrapText="1"/>
    </xf>
    <xf numFmtId="0" fontId="9" fillId="2" borderId="139" xfId="1" applyFont="1" applyFill="1" applyBorder="1" applyAlignment="1">
      <alignment horizontal="left" vertical="center" wrapText="1"/>
    </xf>
    <xf numFmtId="0" fontId="9" fillId="2" borderId="65" xfId="1" applyFont="1" applyFill="1" applyBorder="1" applyAlignment="1">
      <alignment horizontal="left" vertical="center" wrapText="1"/>
    </xf>
    <xf numFmtId="0" fontId="9" fillId="2" borderId="67" xfId="1" applyFont="1" applyFill="1" applyBorder="1" applyAlignment="1">
      <alignment horizontal="left" vertical="center" wrapText="1"/>
    </xf>
    <xf numFmtId="0" fontId="7" fillId="2" borderId="87" xfId="1" applyFont="1" applyFill="1" applyBorder="1" applyAlignment="1">
      <alignment horizontal="left" vertical="top"/>
    </xf>
    <xf numFmtId="49" fontId="6" fillId="2" borderId="0" xfId="1" applyNumberFormat="1" applyFont="1" applyFill="1" applyAlignment="1">
      <alignment horizontal="center" vertical="center" wrapText="1"/>
    </xf>
    <xf numFmtId="49" fontId="6" fillId="2" borderId="19" xfId="1" applyNumberFormat="1" applyFont="1" applyFill="1" applyBorder="1" applyAlignment="1">
      <alignment horizontal="center" vertical="center" wrapText="1"/>
    </xf>
    <xf numFmtId="0" fontId="6" fillId="2" borderId="0" xfId="1" applyFont="1" applyFill="1" applyAlignment="1">
      <alignment horizontal="left" vertical="center"/>
    </xf>
    <xf numFmtId="0" fontId="6" fillId="2" borderId="19" xfId="1" applyFont="1" applyFill="1" applyBorder="1" applyAlignment="1">
      <alignment horizontal="left" vertical="center"/>
    </xf>
    <xf numFmtId="49" fontId="8" fillId="2" borderId="36" xfId="1" applyNumberFormat="1" applyFont="1" applyFill="1" applyBorder="1" applyAlignment="1">
      <alignment horizontal="center" vertical="center" wrapText="1"/>
    </xf>
    <xf numFmtId="49" fontId="6" fillId="2" borderId="170" xfId="1" applyNumberFormat="1" applyFont="1" applyFill="1" applyBorder="1" applyAlignment="1">
      <alignment horizontal="center" vertical="center" wrapText="1"/>
    </xf>
    <xf numFmtId="49" fontId="6" fillId="2" borderId="25" xfId="1" applyNumberFormat="1" applyFont="1" applyFill="1" applyBorder="1" applyAlignment="1">
      <alignment horizontal="left" vertical="center"/>
    </xf>
    <xf numFmtId="49" fontId="6" fillId="2" borderId="26" xfId="1" applyNumberFormat="1" applyFont="1" applyFill="1" applyBorder="1" applyAlignment="1">
      <alignment horizontal="left" vertical="center"/>
    </xf>
    <xf numFmtId="49" fontId="6" fillId="2" borderId="28" xfId="1" applyNumberFormat="1" applyFont="1" applyFill="1" applyBorder="1" applyAlignment="1">
      <alignment horizontal="left" vertical="center"/>
    </xf>
    <xf numFmtId="0" fontId="6" fillId="2" borderId="171" xfId="1" applyFont="1" applyFill="1" applyBorder="1" applyAlignment="1">
      <alignment horizontal="center" vertical="center" textRotation="255" wrapText="1"/>
    </xf>
    <xf numFmtId="49" fontId="6" fillId="2" borderId="93" xfId="1" applyNumberFormat="1" applyFont="1" applyFill="1" applyBorder="1" applyAlignment="1">
      <alignment horizontal="left" vertical="center" wrapText="1"/>
    </xf>
    <xf numFmtId="49" fontId="6" fillId="2" borderId="0" xfId="1" applyNumberFormat="1" applyFont="1" applyFill="1" applyAlignment="1">
      <alignment horizontal="left" vertical="center" wrapText="1"/>
    </xf>
    <xf numFmtId="0" fontId="6" fillId="2" borderId="14" xfId="1" applyFont="1" applyFill="1" applyBorder="1" applyAlignment="1">
      <alignment horizontal="left" vertical="center" wrapText="1"/>
    </xf>
    <xf numFmtId="0" fontId="6" fillId="2" borderId="15" xfId="1" applyFont="1" applyFill="1" applyBorder="1" applyAlignment="1">
      <alignment horizontal="left" vertical="center" wrapText="1"/>
    </xf>
    <xf numFmtId="0" fontId="6" fillId="2" borderId="42" xfId="1" applyFont="1" applyFill="1" applyBorder="1" applyAlignment="1">
      <alignment horizontal="left" vertical="center" wrapText="1"/>
    </xf>
    <xf numFmtId="0" fontId="64" fillId="2" borderId="13" xfId="1" applyFont="1" applyFill="1" applyBorder="1" applyAlignment="1">
      <alignment horizontal="center" vertical="center" wrapText="1"/>
    </xf>
    <xf numFmtId="49" fontId="65" fillId="2" borderId="15" xfId="1" applyNumberFormat="1" applyFont="1" applyFill="1" applyBorder="1" applyAlignment="1">
      <alignment vertical="center" shrinkToFit="1"/>
    </xf>
    <xf numFmtId="49" fontId="64" fillId="2" borderId="15" xfId="1" applyNumberFormat="1" applyFont="1" applyFill="1" applyBorder="1" applyAlignment="1">
      <alignment horizontal="center" vertical="center" wrapText="1"/>
    </xf>
    <xf numFmtId="49" fontId="66" fillId="2" borderId="15" xfId="1" applyNumberFormat="1" applyFont="1" applyFill="1" applyBorder="1" applyAlignment="1">
      <alignment horizontal="center" vertical="center" wrapText="1"/>
    </xf>
    <xf numFmtId="0" fontId="64" fillId="2" borderId="16" xfId="1" applyFont="1" applyFill="1" applyBorder="1" applyAlignment="1">
      <alignment vertical="center" wrapText="1"/>
    </xf>
    <xf numFmtId="0" fontId="6" fillId="2" borderId="85" xfId="1" applyFont="1" applyFill="1" applyBorder="1" applyAlignment="1">
      <alignment horizontal="left" vertical="center" wrapText="1"/>
    </xf>
    <xf numFmtId="0" fontId="64" fillId="2" borderId="17" xfId="1" applyFont="1" applyFill="1" applyBorder="1" applyAlignment="1">
      <alignment horizontal="center" vertical="center" wrapText="1"/>
    </xf>
    <xf numFmtId="176" fontId="6" fillId="2" borderId="101" xfId="1" applyNumberFormat="1" applyFont="1" applyFill="1" applyBorder="1" applyAlignment="1">
      <alignment horizontal="left" vertical="center" wrapText="1" indent="1"/>
    </xf>
    <xf numFmtId="176" fontId="6" fillId="2" borderId="27" xfId="1" applyNumberFormat="1" applyFont="1" applyFill="1" applyBorder="1" applyAlignment="1">
      <alignment horizontal="left" vertical="center" wrapText="1" indent="1"/>
    </xf>
    <xf numFmtId="176" fontId="6" fillId="2" borderId="85" xfId="1" applyNumberFormat="1" applyFont="1" applyFill="1" applyBorder="1" applyAlignment="1">
      <alignment horizontal="left" vertical="center" wrapText="1" indent="1"/>
    </xf>
    <xf numFmtId="0" fontId="9" fillId="0" borderId="10" xfId="1" applyFont="1" applyFill="1" applyBorder="1" applyAlignment="1">
      <alignment horizontal="center" vertical="center" shrinkToFit="1"/>
    </xf>
    <xf numFmtId="0" fontId="9" fillId="0" borderId="20" xfId="1" applyFont="1" applyFill="1" applyBorder="1" applyAlignment="1">
      <alignment horizontal="center" vertical="center" shrinkToFit="1"/>
    </xf>
    <xf numFmtId="0" fontId="9" fillId="0" borderId="22" xfId="1" applyFont="1" applyFill="1" applyBorder="1" applyAlignment="1">
      <alignment horizontal="center" vertical="center" shrinkToFit="1"/>
    </xf>
    <xf numFmtId="0" fontId="9" fillId="0" borderId="23" xfId="1" applyFont="1" applyFill="1" applyBorder="1" applyAlignment="1">
      <alignment horizontal="center" vertical="center" shrinkToFit="1"/>
    </xf>
    <xf numFmtId="0" fontId="10" fillId="0" borderId="10" xfId="1" applyFont="1" applyFill="1" applyBorder="1" applyAlignment="1">
      <alignment horizontal="center" vertical="center" wrapText="1"/>
    </xf>
    <xf numFmtId="0" fontId="10" fillId="0" borderId="20" xfId="1" applyFont="1" applyFill="1" applyBorder="1" applyAlignment="1">
      <alignment horizontal="center" vertical="center" wrapText="1"/>
    </xf>
    <xf numFmtId="0" fontId="10" fillId="0" borderId="22" xfId="1" applyFont="1" applyFill="1" applyBorder="1" applyAlignment="1">
      <alignment horizontal="center" vertical="center" wrapText="1"/>
    </xf>
    <xf numFmtId="0" fontId="10" fillId="0" borderId="21" xfId="1" applyFont="1" applyFill="1" applyBorder="1" applyAlignment="1">
      <alignment horizontal="center" vertical="center" wrapText="1"/>
    </xf>
    <xf numFmtId="0" fontId="9" fillId="0" borderId="10" xfId="1" applyFont="1" applyFill="1" applyBorder="1" applyAlignment="1">
      <alignment vertical="center" wrapText="1"/>
    </xf>
    <xf numFmtId="0" fontId="11" fillId="0" borderId="10" xfId="1" applyFont="1" applyFill="1" applyBorder="1" applyAlignment="1">
      <alignment horizontal="center" vertical="center" wrapText="1"/>
    </xf>
    <xf numFmtId="0" fontId="11" fillId="0" borderId="45" xfId="1" applyFont="1" applyFill="1" applyBorder="1" applyAlignment="1">
      <alignment horizontal="center" vertical="center" wrapText="1"/>
    </xf>
    <xf numFmtId="0" fontId="11" fillId="0" borderId="46" xfId="1" applyFont="1" applyFill="1" applyBorder="1" applyAlignment="1">
      <alignment horizontal="center" vertical="center" wrapText="1"/>
    </xf>
    <xf numFmtId="0" fontId="11" fillId="0" borderId="47" xfId="1" applyFont="1" applyFill="1" applyBorder="1" applyAlignment="1">
      <alignment horizontal="center" vertical="center" wrapText="1"/>
    </xf>
    <xf numFmtId="0" fontId="6" fillId="2" borderId="51" xfId="1" applyFont="1" applyFill="1" applyBorder="1" applyAlignment="1">
      <alignment horizontal="center" vertical="center" textRotation="255" wrapText="1"/>
    </xf>
    <xf numFmtId="0" fontId="11" fillId="0" borderId="48" xfId="1" applyFont="1" applyFill="1" applyBorder="1" applyAlignment="1">
      <alignment horizontal="center" vertical="center" wrapText="1"/>
    </xf>
    <xf numFmtId="0" fontId="11" fillId="0" borderId="49" xfId="1" applyFont="1" applyFill="1" applyBorder="1" applyAlignment="1">
      <alignment horizontal="center" vertical="center" wrapText="1"/>
    </xf>
    <xf numFmtId="0" fontId="11" fillId="0" borderId="50"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0" xfId="1" applyFont="1" applyFill="1" applyBorder="1" applyAlignment="1">
      <alignment vertical="center" wrapText="1"/>
    </xf>
    <xf numFmtId="0" fontId="6" fillId="2" borderId="44" xfId="1" applyFont="1" applyFill="1" applyBorder="1" applyAlignment="1">
      <alignment vertical="center" wrapText="1"/>
    </xf>
    <xf numFmtId="0" fontId="44" fillId="2" borderId="7" xfId="1" applyFont="1" applyFill="1" applyBorder="1" applyAlignment="1">
      <alignment horizontal="center" vertical="center" wrapText="1"/>
    </xf>
    <xf numFmtId="0" fontId="44" fillId="2" borderId="8" xfId="1" applyFont="1" applyFill="1" applyBorder="1" applyAlignment="1">
      <alignment horizontal="center" vertical="center" wrapText="1"/>
    </xf>
    <xf numFmtId="0" fontId="44" fillId="2" borderId="32"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6" fillId="2" borderId="56" xfId="1" applyFont="1" applyFill="1" applyBorder="1" applyAlignment="1">
      <alignment vertical="center" wrapText="1"/>
    </xf>
    <xf numFmtId="0" fontId="8" fillId="2" borderId="35" xfId="1" applyFont="1" applyFill="1" applyBorder="1" applyAlignment="1">
      <alignment horizontal="left" vertical="top" wrapText="1"/>
    </xf>
    <xf numFmtId="0" fontId="6" fillId="2" borderId="34" xfId="1" applyFont="1" applyFill="1" applyBorder="1" applyAlignment="1">
      <alignment horizontal="center" vertical="top" wrapText="1"/>
    </xf>
    <xf numFmtId="0" fontId="6" fillId="2" borderId="38" xfId="1" applyFont="1" applyFill="1" applyBorder="1" applyAlignment="1">
      <alignment horizontal="center" vertical="top" wrapText="1"/>
    </xf>
    <xf numFmtId="0" fontId="6" fillId="2" borderId="92" xfId="1" applyFont="1" applyFill="1" applyBorder="1" applyAlignment="1">
      <alignment horizontal="center" vertical="top" wrapText="1"/>
    </xf>
    <xf numFmtId="0" fontId="44" fillId="2" borderId="172" xfId="1" applyFont="1" applyFill="1" applyBorder="1" applyAlignment="1">
      <alignment horizontal="center" vertical="center" wrapText="1"/>
    </xf>
    <xf numFmtId="0" fontId="6" fillId="2" borderId="36" xfId="1" applyFont="1" applyFill="1" applyBorder="1" applyAlignment="1">
      <alignment horizontal="left" vertical="center" wrapText="1"/>
    </xf>
    <xf numFmtId="0" fontId="44" fillId="2" borderId="5" xfId="1" applyFont="1" applyFill="1" applyBorder="1" applyAlignment="1">
      <alignment horizontal="center" vertical="center" wrapText="1"/>
    </xf>
    <xf numFmtId="0" fontId="6" fillId="2" borderId="101" xfId="1" applyFont="1" applyFill="1" applyBorder="1" applyAlignment="1">
      <alignment horizontal="center" vertical="center"/>
    </xf>
    <xf numFmtId="0" fontId="6" fillId="2" borderId="16" xfId="1" applyFont="1" applyFill="1" applyBorder="1" applyAlignment="1">
      <alignment horizontal="left" vertical="center" wrapText="1"/>
    </xf>
    <xf numFmtId="0" fontId="6" fillId="5" borderId="81" xfId="1" applyFont="1" applyFill="1" applyBorder="1" applyAlignment="1">
      <alignment horizontal="left" vertical="top" wrapText="1"/>
    </xf>
    <xf numFmtId="0" fontId="6" fillId="2" borderId="132" xfId="1" applyFont="1" applyFill="1" applyBorder="1" applyAlignment="1">
      <alignment vertical="top" wrapText="1"/>
    </xf>
    <xf numFmtId="0" fontId="6" fillId="2" borderId="81" xfId="1" applyFont="1" applyFill="1" applyBorder="1" applyAlignment="1">
      <alignment horizontal="center" vertical="top" wrapText="1"/>
    </xf>
    <xf numFmtId="0" fontId="6" fillId="2" borderId="81" xfId="1" applyFont="1" applyFill="1" applyBorder="1" applyAlignment="1">
      <alignment vertical="top" wrapText="1"/>
    </xf>
    <xf numFmtId="0" fontId="6" fillId="2" borderId="82" xfId="1" applyFont="1" applyFill="1" applyBorder="1" applyAlignment="1">
      <alignment horizontal="center" vertical="top" wrapText="1"/>
    </xf>
    <xf numFmtId="0" fontId="6" fillId="5" borderId="122" xfId="1" applyFont="1" applyFill="1" applyBorder="1" applyAlignment="1">
      <alignment horizontal="left" vertical="top" wrapText="1"/>
    </xf>
    <xf numFmtId="0" fontId="6" fillId="5" borderId="124" xfId="1" applyFont="1" applyFill="1" applyBorder="1" applyAlignment="1">
      <alignment horizontal="left" vertical="top" wrapText="1"/>
    </xf>
    <xf numFmtId="0" fontId="8" fillId="2" borderId="55" xfId="1" applyFont="1" applyFill="1" applyBorder="1" applyAlignment="1">
      <alignment vertical="center" wrapText="1"/>
    </xf>
    <xf numFmtId="0" fontId="8" fillId="2" borderId="53" xfId="1" applyFont="1" applyFill="1" applyBorder="1" applyAlignment="1">
      <alignment horizontal="center" vertical="center" wrapText="1"/>
    </xf>
    <xf numFmtId="0" fontId="8" fillId="2" borderId="11" xfId="1" applyFont="1" applyFill="1" applyBorder="1" applyAlignment="1">
      <alignment horizontal="center" vertical="center" wrapText="1"/>
    </xf>
    <xf numFmtId="0" fontId="8" fillId="2" borderId="58" xfId="1" applyFont="1" applyFill="1" applyBorder="1" applyAlignment="1">
      <alignment horizontal="center" vertical="center" wrapText="1"/>
    </xf>
    <xf numFmtId="0" fontId="6" fillId="2" borderId="173" xfId="1" applyFont="1" applyFill="1" applyBorder="1" applyAlignment="1">
      <alignment horizontal="center" vertical="center" wrapText="1"/>
    </xf>
    <xf numFmtId="0" fontId="6" fillId="2" borderId="55" xfId="1" applyFont="1" applyFill="1" applyBorder="1" applyAlignment="1">
      <alignment vertical="center" wrapText="1"/>
    </xf>
    <xf numFmtId="0" fontId="6" fillId="2" borderId="94" xfId="1" applyFont="1" applyFill="1" applyBorder="1" applyAlignment="1">
      <alignment horizontal="center" vertical="center" wrapText="1"/>
    </xf>
    <xf numFmtId="0" fontId="6" fillId="2" borderId="122" xfId="1" applyFont="1" applyFill="1" applyBorder="1" applyAlignment="1">
      <alignment horizontal="center" vertical="center" wrapText="1"/>
    </xf>
    <xf numFmtId="0" fontId="6" fillId="2" borderId="128" xfId="1" applyFont="1" applyFill="1" applyBorder="1" applyAlignment="1">
      <alignment horizontal="center" vertical="center" wrapText="1"/>
    </xf>
    <xf numFmtId="0" fontId="6" fillId="2" borderId="174" xfId="1" applyFont="1" applyFill="1" applyBorder="1" applyAlignment="1">
      <alignment horizontal="center" vertical="center" wrapText="1"/>
    </xf>
    <xf numFmtId="0" fontId="6" fillId="2" borderId="175" xfId="1" applyFont="1" applyFill="1" applyBorder="1" applyAlignment="1">
      <alignment horizontal="center" vertical="center" wrapText="1"/>
    </xf>
    <xf numFmtId="0" fontId="6" fillId="2" borderId="0" xfId="1" applyFont="1" applyFill="1" applyAlignment="1">
      <alignment horizontal="left" vertical="center"/>
    </xf>
    <xf numFmtId="0" fontId="6" fillId="2" borderId="0" xfId="1" applyFont="1" applyFill="1" applyAlignment="1">
      <alignment vertical="top" wrapText="1"/>
    </xf>
    <xf numFmtId="0" fontId="6" fillId="2" borderId="27" xfId="1" applyFont="1" applyFill="1" applyBorder="1" applyAlignment="1">
      <alignment vertical="top" wrapText="1"/>
    </xf>
    <xf numFmtId="0" fontId="6" fillId="2" borderId="85" xfId="1" applyFont="1" applyFill="1" applyBorder="1" applyAlignment="1">
      <alignment vertical="top" wrapText="1"/>
    </xf>
    <xf numFmtId="0" fontId="5" fillId="2" borderId="6" xfId="1" applyFont="1" applyFill="1" applyBorder="1" applyAlignment="1">
      <alignment horizontal="center" vertical="center" wrapText="1"/>
    </xf>
    <xf numFmtId="0" fontId="5" fillId="2" borderId="165" xfId="1" applyFont="1" applyFill="1" applyBorder="1" applyAlignment="1">
      <alignment horizontal="center" vertical="center" wrapText="1"/>
    </xf>
    <xf numFmtId="0" fontId="6" fillId="2" borderId="8" xfId="1" applyFont="1" applyFill="1" applyBorder="1" applyAlignment="1">
      <alignment vertical="top" wrapText="1"/>
    </xf>
    <xf numFmtId="0" fontId="6" fillId="2" borderId="32" xfId="1" applyFont="1" applyFill="1" applyBorder="1" applyAlignment="1">
      <alignment vertical="top" wrapText="1"/>
    </xf>
    <xf numFmtId="0" fontId="5" fillId="2" borderId="100" xfId="1" applyFont="1" applyFill="1" applyBorder="1" applyAlignment="1">
      <alignment horizontal="center" vertical="center" wrapText="1"/>
    </xf>
    <xf numFmtId="0" fontId="6" fillId="2" borderId="176" xfId="1" applyFont="1" applyFill="1" applyBorder="1" applyAlignment="1">
      <alignment horizontal="center" vertical="center" wrapText="1"/>
    </xf>
    <xf numFmtId="0" fontId="6" fillId="2" borderId="130" xfId="1" applyFont="1" applyFill="1" applyBorder="1" applyAlignment="1">
      <alignment vertical="center" wrapText="1"/>
    </xf>
    <xf numFmtId="0" fontId="6" fillId="2" borderId="123" xfId="1" applyFont="1" applyFill="1" applyBorder="1" applyAlignment="1">
      <alignment horizontal="center" vertical="center" wrapText="1"/>
    </xf>
    <xf numFmtId="0" fontId="6" fillId="2" borderId="32" xfId="1" applyFont="1" applyFill="1" applyBorder="1" applyAlignment="1">
      <alignment horizontal="center" vertical="center"/>
    </xf>
    <xf numFmtId="0" fontId="6" fillId="2" borderId="0" xfId="1" applyFont="1" applyFill="1" applyAlignment="1">
      <alignment horizontal="center" vertical="center"/>
    </xf>
    <xf numFmtId="0" fontId="9" fillId="0" borderId="27" xfId="1" applyFont="1" applyFill="1" applyBorder="1" applyAlignment="1">
      <alignment vertical="center"/>
    </xf>
    <xf numFmtId="0" fontId="9" fillId="0" borderId="85" xfId="1" applyFont="1" applyFill="1" applyBorder="1" applyAlignment="1">
      <alignment vertical="center"/>
    </xf>
    <xf numFmtId="0" fontId="11" fillId="0" borderId="20" xfId="1" applyFont="1" applyFill="1" applyBorder="1" applyAlignment="1">
      <alignment horizontal="center" vertical="center" shrinkToFit="1"/>
    </xf>
    <xf numFmtId="0" fontId="11" fillId="0" borderId="22" xfId="1" applyFont="1" applyFill="1" applyBorder="1" applyAlignment="1">
      <alignment horizontal="center" vertical="center" shrinkToFit="1"/>
    </xf>
    <xf numFmtId="0" fontId="11" fillId="0" borderId="21" xfId="1" applyFont="1" applyFill="1" applyBorder="1" applyAlignment="1">
      <alignment horizontal="center" vertical="center" shrinkToFit="1"/>
    </xf>
    <xf numFmtId="0" fontId="9" fillId="0" borderId="100" xfId="1" applyFont="1" applyFill="1" applyBorder="1" applyAlignment="1">
      <alignment horizontal="left" vertical="center" wrapText="1"/>
    </xf>
    <xf numFmtId="0" fontId="9" fillId="0" borderId="20" xfId="1" applyFont="1" applyFill="1" applyBorder="1" applyAlignment="1">
      <alignment horizontal="right" vertical="center" wrapText="1"/>
    </xf>
    <xf numFmtId="0" fontId="9" fillId="0" borderId="22" xfId="1" applyFont="1" applyFill="1" applyBorder="1" applyAlignment="1">
      <alignment horizontal="right" vertical="center" wrapText="1"/>
    </xf>
    <xf numFmtId="0" fontId="9" fillId="0" borderId="22" xfId="1" applyFont="1" applyFill="1" applyBorder="1" applyAlignment="1">
      <alignment horizontal="center" vertical="center" wrapText="1"/>
    </xf>
    <xf numFmtId="0" fontId="9" fillId="0" borderId="10" xfId="1" applyFont="1" applyFill="1" applyBorder="1" applyAlignment="1">
      <alignment horizontal="left" vertical="center" wrapText="1"/>
    </xf>
    <xf numFmtId="0" fontId="9" fillId="0" borderId="34" xfId="1" applyFont="1" applyFill="1" applyBorder="1" applyAlignment="1">
      <alignment horizontal="left" vertical="center" wrapText="1"/>
    </xf>
    <xf numFmtId="0" fontId="6" fillId="2" borderId="54" xfId="1" applyFont="1" applyFill="1" applyBorder="1" applyAlignment="1">
      <alignment horizontal="left" vertical="top"/>
    </xf>
    <xf numFmtId="0" fontId="6" fillId="2" borderId="0" xfId="1" applyFont="1" applyFill="1" applyBorder="1" applyAlignment="1">
      <alignment horizontal="left" vertical="top"/>
    </xf>
    <xf numFmtId="0" fontId="9" fillId="0" borderId="123" xfId="1" applyFont="1" applyFill="1" applyBorder="1" applyAlignment="1">
      <alignment horizontal="center" vertical="center" wrapText="1"/>
    </xf>
    <xf numFmtId="0" fontId="9" fillId="0" borderId="122" xfId="1" applyFont="1" applyFill="1" applyBorder="1" applyAlignment="1">
      <alignment horizontal="center" vertical="center" wrapText="1"/>
    </xf>
    <xf numFmtId="0" fontId="9" fillId="0" borderId="128" xfId="1" applyFont="1" applyFill="1" applyBorder="1" applyAlignment="1">
      <alignment horizontal="center" vertical="center" wrapText="1"/>
    </xf>
    <xf numFmtId="0" fontId="9" fillId="0" borderId="20" xfId="1" applyFont="1" applyFill="1" applyBorder="1" applyAlignment="1">
      <alignment vertical="center" wrapText="1"/>
    </xf>
    <xf numFmtId="0" fontId="9" fillId="0" borderId="22" xfId="1" applyFont="1" applyFill="1" applyBorder="1" applyAlignment="1">
      <alignment vertical="center" wrapText="1"/>
    </xf>
    <xf numFmtId="0" fontId="9" fillId="0" borderId="23" xfId="1" applyFont="1" applyFill="1" applyBorder="1" applyAlignment="1">
      <alignment vertical="center" wrapText="1"/>
    </xf>
    <xf numFmtId="0" fontId="9" fillId="6" borderId="54" xfId="1" applyFont="1" applyFill="1" applyBorder="1" applyAlignment="1">
      <alignment vertical="center" wrapText="1"/>
    </xf>
    <xf numFmtId="0" fontId="9" fillId="2" borderId="0" xfId="1" applyFont="1" applyFill="1" applyBorder="1" applyAlignment="1">
      <alignment vertical="center" wrapText="1"/>
    </xf>
    <xf numFmtId="14" fontId="6" fillId="2" borderId="0" xfId="1" applyNumberFormat="1" applyFont="1" applyFill="1" applyBorder="1" applyAlignment="1">
      <alignment horizontal="left" vertical="top"/>
    </xf>
    <xf numFmtId="0" fontId="6" fillId="2" borderId="87" xfId="1" applyFont="1" applyFill="1" applyBorder="1" applyAlignment="1">
      <alignment horizontal="center" vertical="center" wrapText="1"/>
    </xf>
    <xf numFmtId="0" fontId="6" fillId="2" borderId="88" xfId="1" applyFont="1" applyFill="1" applyBorder="1" applyAlignment="1">
      <alignment horizontal="center" vertical="center"/>
    </xf>
    <xf numFmtId="0" fontId="6" fillId="2" borderId="90" xfId="1" applyFont="1" applyFill="1" applyBorder="1" applyAlignment="1">
      <alignment vertical="center" wrapText="1"/>
    </xf>
    <xf numFmtId="0" fontId="6" fillId="2" borderId="91" xfId="1" applyFont="1" applyFill="1" applyBorder="1" applyAlignment="1">
      <alignment horizontal="center" vertical="center" wrapText="1"/>
    </xf>
    <xf numFmtId="0" fontId="6" fillId="2" borderId="100" xfId="1" applyFont="1" applyFill="1" applyBorder="1" applyAlignment="1">
      <alignment horizontal="center" vertical="center" wrapText="1"/>
    </xf>
    <xf numFmtId="0" fontId="6" fillId="2" borderId="27" xfId="1" applyFont="1" applyFill="1" applyBorder="1" applyAlignment="1">
      <alignment vertical="center"/>
    </xf>
    <xf numFmtId="0" fontId="6" fillId="2" borderId="85" xfId="1" applyFont="1" applyFill="1" applyBorder="1" applyAlignment="1">
      <alignment vertical="center"/>
    </xf>
    <xf numFmtId="0" fontId="5" fillId="2" borderId="20" xfId="1" applyFont="1" applyFill="1" applyBorder="1" applyAlignment="1">
      <alignment horizontal="center" vertical="center" shrinkToFit="1"/>
    </xf>
    <xf numFmtId="0" fontId="6" fillId="2" borderId="74" xfId="1" applyFont="1" applyFill="1" applyBorder="1" applyAlignment="1">
      <alignment vertical="center" wrapText="1"/>
    </xf>
    <xf numFmtId="0" fontId="6" fillId="2" borderId="77" xfId="1" applyFont="1" applyFill="1" applyBorder="1" applyAlignment="1">
      <alignment horizontal="center" vertical="center" wrapText="1"/>
    </xf>
    <xf numFmtId="0" fontId="6" fillId="2" borderId="86" xfId="1" applyFont="1" applyFill="1" applyBorder="1" applyAlignment="1">
      <alignment horizontal="center" vertical="center" wrapText="1"/>
    </xf>
    <xf numFmtId="0" fontId="6" fillId="2" borderId="88" xfId="1" applyFont="1" applyFill="1" applyBorder="1" applyAlignment="1">
      <alignment horizontal="center" vertical="center" wrapText="1"/>
    </xf>
    <xf numFmtId="0" fontId="5" fillId="2" borderId="0" xfId="1" applyFont="1" applyFill="1" applyAlignment="1">
      <alignment horizontal="justify" vertical="top"/>
    </xf>
    <xf numFmtId="0" fontId="67" fillId="2" borderId="0" xfId="1" applyFont="1" applyFill="1" applyAlignment="1">
      <alignment horizontal="left" vertical="top"/>
    </xf>
    <xf numFmtId="0" fontId="68" fillId="2" borderId="0" xfId="1" applyFont="1" applyFill="1" applyAlignment="1">
      <alignment horizontal="left" vertical="top"/>
    </xf>
    <xf numFmtId="0" fontId="14" fillId="2" borderId="0" xfId="1" applyFont="1" applyFill="1" applyAlignment="1">
      <alignment horizontal="left" vertical="top"/>
    </xf>
    <xf numFmtId="0" fontId="19" fillId="2" borderId="0" xfId="1" applyFont="1" applyFill="1" applyAlignment="1">
      <alignment horizontal="left" vertical="top"/>
    </xf>
    <xf numFmtId="0" fontId="16" fillId="2" borderId="69" xfId="1" applyFont="1" applyFill="1" applyBorder="1" applyAlignment="1">
      <alignment horizontal="center" vertical="center" wrapText="1"/>
    </xf>
    <xf numFmtId="0" fontId="9" fillId="2" borderId="154" xfId="1" applyFont="1" applyFill="1" applyBorder="1" applyAlignment="1">
      <alignment horizontal="left" vertical="center" wrapText="1"/>
    </xf>
    <xf numFmtId="0" fontId="16" fillId="2" borderId="71" xfId="1" applyFont="1" applyFill="1" applyBorder="1" applyAlignment="1">
      <alignment horizontal="center" vertical="center" wrapText="1"/>
    </xf>
    <xf numFmtId="0" fontId="9" fillId="2" borderId="10" xfId="1" applyFont="1" applyFill="1" applyBorder="1" applyAlignment="1">
      <alignment horizontal="center" vertical="center"/>
    </xf>
    <xf numFmtId="0" fontId="16" fillId="2" borderId="72" xfId="1" applyFont="1" applyFill="1" applyBorder="1" applyAlignment="1">
      <alignment horizontal="center" vertical="center" wrapText="1"/>
    </xf>
    <xf numFmtId="0" fontId="9" fillId="2" borderId="73" xfId="1" applyFont="1" applyFill="1" applyBorder="1" applyAlignment="1">
      <alignment horizontal="center" vertical="center"/>
    </xf>
    <xf numFmtId="0" fontId="9" fillId="2" borderId="155" xfId="1" applyFont="1" applyFill="1" applyBorder="1" applyAlignment="1">
      <alignment horizontal="left" vertical="center" wrapText="1"/>
    </xf>
    <xf numFmtId="0" fontId="6" fillId="2" borderId="140" xfId="1" applyFont="1" applyFill="1" applyBorder="1" applyAlignment="1">
      <alignment horizontal="center" vertical="center"/>
    </xf>
    <xf numFmtId="49" fontId="6" fillId="0" borderId="140" xfId="1" applyNumberFormat="1" applyFont="1" applyBorder="1" applyAlignment="1">
      <alignment horizontal="left" vertical="center"/>
    </xf>
    <xf numFmtId="49" fontId="6" fillId="0" borderId="79" xfId="1" applyNumberFormat="1" applyFont="1" applyBorder="1" applyAlignment="1">
      <alignment horizontal="left" vertical="center"/>
    </xf>
    <xf numFmtId="49" fontId="6" fillId="0" borderId="141" xfId="1" applyNumberFormat="1" applyFont="1" applyBorder="1" applyAlignment="1">
      <alignment horizontal="left" vertical="center"/>
    </xf>
    <xf numFmtId="0" fontId="6" fillId="2" borderId="20"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7" fillId="2" borderId="93" xfId="1" applyFont="1" applyFill="1" applyBorder="1" applyAlignment="1">
      <alignment horizontal="left" vertical="center" wrapText="1"/>
    </xf>
    <xf numFmtId="49" fontId="6" fillId="2" borderId="22" xfId="1" applyNumberFormat="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21" xfId="1" applyFont="1" applyFill="1" applyBorder="1" applyAlignment="1">
      <alignment vertical="center" shrinkToFit="1"/>
    </xf>
    <xf numFmtId="49" fontId="5" fillId="2" borderId="20" xfId="1" applyNumberFormat="1" applyFont="1" applyFill="1" applyBorder="1" applyAlignment="1">
      <alignment horizontal="left" vertical="center" shrinkToFit="1"/>
    </xf>
    <xf numFmtId="49" fontId="5" fillId="2" borderId="22" xfId="1" applyNumberFormat="1" applyFont="1" applyFill="1" applyBorder="1" applyAlignment="1">
      <alignment horizontal="left" vertical="center" shrinkToFit="1"/>
    </xf>
    <xf numFmtId="49" fontId="5" fillId="2" borderId="23" xfId="1" applyNumberFormat="1" applyFont="1" applyFill="1" applyBorder="1" applyAlignment="1">
      <alignment horizontal="left" vertical="center" shrinkToFit="1"/>
    </xf>
    <xf numFmtId="0" fontId="6" fillId="2" borderId="177" xfId="1" applyFont="1" applyFill="1" applyBorder="1" applyAlignment="1">
      <alignment horizontal="center" vertical="center" wrapText="1"/>
    </xf>
    <xf numFmtId="0" fontId="6" fillId="2" borderId="58" xfId="1" applyFont="1" applyFill="1" applyBorder="1" applyAlignment="1">
      <alignment horizontal="left" vertical="center" wrapText="1"/>
    </xf>
    <xf numFmtId="0" fontId="6" fillId="2" borderId="142" xfId="1" applyFont="1" applyFill="1" applyBorder="1" applyAlignment="1">
      <alignment horizontal="center" vertical="center" wrapText="1"/>
    </xf>
    <xf numFmtId="0" fontId="6" fillId="2" borderId="143" xfId="1" applyFont="1" applyFill="1" applyBorder="1" applyAlignment="1">
      <alignment horizontal="center" vertical="center" wrapText="1"/>
    </xf>
    <xf numFmtId="49" fontId="6" fillId="2" borderId="0" xfId="1" applyNumberFormat="1" applyFont="1" applyFill="1" applyAlignment="1">
      <alignment vertical="center" shrinkToFit="1"/>
    </xf>
    <xf numFmtId="49" fontId="5" fillId="2" borderId="0" xfId="1" applyNumberFormat="1" applyFont="1" applyFill="1" applyAlignment="1">
      <alignment horizontal="center" vertical="center" wrapText="1"/>
    </xf>
    <xf numFmtId="49" fontId="5" fillId="2" borderId="27" xfId="1" applyNumberFormat="1" applyFont="1" applyFill="1" applyBorder="1" applyAlignment="1">
      <alignment horizontal="center" vertical="center" wrapText="1"/>
    </xf>
    <xf numFmtId="0" fontId="6" fillId="2" borderId="103" xfId="1" applyFont="1" applyFill="1" applyBorder="1" applyAlignment="1">
      <alignment vertical="top" wrapText="1"/>
    </xf>
    <xf numFmtId="0" fontId="6" fillId="2" borderId="30" xfId="1" applyFont="1" applyFill="1" applyBorder="1" applyAlignment="1">
      <alignment horizontal="center" vertical="center" shrinkToFit="1"/>
    </xf>
    <xf numFmtId="0" fontId="11" fillId="0" borderId="34" xfId="1" applyFont="1" applyFill="1" applyBorder="1" applyAlignment="1">
      <alignment horizontal="center" vertical="center" wrapText="1"/>
    </xf>
    <xf numFmtId="0" fontId="11" fillId="0" borderId="38" xfId="1" applyFont="1" applyFill="1" applyBorder="1" applyAlignment="1">
      <alignment horizontal="center" vertical="center" wrapText="1"/>
    </xf>
    <xf numFmtId="0" fontId="11" fillId="0" borderId="15" xfId="1" applyFont="1" applyFill="1" applyBorder="1" applyAlignment="1">
      <alignment horizontal="center" vertical="center" wrapText="1"/>
    </xf>
    <xf numFmtId="0" fontId="11" fillId="0" borderId="41" xfId="1" applyFont="1" applyFill="1" applyBorder="1" applyAlignment="1">
      <alignment horizontal="center" vertical="center" wrapText="1"/>
    </xf>
    <xf numFmtId="0" fontId="11" fillId="0" borderId="16" xfId="1" applyFont="1" applyFill="1" applyBorder="1" applyAlignment="1">
      <alignment horizontal="center" vertical="center" wrapText="1"/>
    </xf>
    <xf numFmtId="0" fontId="11" fillId="0" borderId="10" xfId="1" applyFont="1" applyFill="1" applyBorder="1" applyAlignment="1">
      <alignment vertical="center" wrapText="1"/>
    </xf>
    <xf numFmtId="0" fontId="11" fillId="0" borderId="100" xfId="1" applyFont="1" applyFill="1" applyBorder="1" applyAlignment="1">
      <alignment horizontal="center" vertical="center" wrapText="1"/>
    </xf>
    <xf numFmtId="0" fontId="9" fillId="0" borderId="100" xfId="1" applyFont="1" applyFill="1" applyBorder="1" applyAlignment="1">
      <alignment horizontal="center" vertical="center" wrapText="1"/>
    </xf>
    <xf numFmtId="0" fontId="16" fillId="0" borderId="100" xfId="1" applyFont="1" applyFill="1" applyBorder="1" applyAlignment="1">
      <alignment horizontal="center" vertical="center" wrapText="1"/>
    </xf>
    <xf numFmtId="0" fontId="6" fillId="2" borderId="178" xfId="1" applyFont="1" applyFill="1" applyBorder="1" applyAlignment="1">
      <alignment horizontal="center" vertical="center" wrapText="1"/>
    </xf>
    <xf numFmtId="0" fontId="6" fillId="5" borderId="71" xfId="1" applyFont="1" applyFill="1" applyBorder="1" applyAlignment="1">
      <alignment horizontal="left" vertical="center" wrapText="1"/>
    </xf>
    <xf numFmtId="0" fontId="6" fillId="5" borderId="10" xfId="1" applyFont="1" applyFill="1" applyBorder="1" applyAlignment="1">
      <alignment horizontal="left" vertical="center" wrapText="1"/>
    </xf>
    <xf numFmtId="0" fontId="6" fillId="5" borderId="100" xfId="1" applyFont="1" applyFill="1" applyBorder="1" applyAlignment="1">
      <alignment horizontal="left" vertical="center" wrapText="1"/>
    </xf>
    <xf numFmtId="0" fontId="5" fillId="2" borderId="54"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55" xfId="1" applyFont="1" applyFill="1" applyBorder="1" applyAlignment="1">
      <alignment horizontal="center" vertical="center" wrapText="1"/>
    </xf>
    <xf numFmtId="0" fontId="5" fillId="2" borderId="43"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6" fillId="2" borderId="179" xfId="1" applyFont="1" applyFill="1" applyBorder="1" applyAlignment="1">
      <alignment horizontal="center" vertical="center" wrapText="1"/>
    </xf>
    <xf numFmtId="0" fontId="6" fillId="2" borderId="41" xfId="1" applyFont="1" applyFill="1" applyBorder="1" applyAlignment="1">
      <alignment horizontal="center" vertical="center" wrapText="1"/>
    </xf>
    <xf numFmtId="0" fontId="6" fillId="2" borderId="53" xfId="1" applyFont="1" applyFill="1" applyBorder="1" applyAlignment="1">
      <alignment horizontal="center" vertical="center" wrapText="1"/>
    </xf>
    <xf numFmtId="0" fontId="5" fillId="2" borderId="57"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6" fillId="2" borderId="124" xfId="1" applyFont="1" applyFill="1" applyBorder="1" applyAlignment="1">
      <alignment horizontal="center" vertical="center" wrapText="1"/>
    </xf>
    <xf numFmtId="0" fontId="6" fillId="2" borderId="32" xfId="1" applyFont="1" applyFill="1" applyBorder="1" applyAlignment="1">
      <alignment horizontal="center" vertical="center" shrinkToFit="1"/>
    </xf>
    <xf numFmtId="0" fontId="5" fillId="2" borderId="32" xfId="1" applyFont="1" applyFill="1" applyBorder="1" applyAlignment="1">
      <alignment horizontal="center" vertical="center"/>
    </xf>
    <xf numFmtId="0" fontId="5" fillId="2" borderId="8"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6" fillId="2" borderId="13" xfId="1" applyFont="1" applyFill="1" applyBorder="1" applyAlignment="1">
      <alignment horizontal="left" vertical="center" wrapText="1"/>
    </xf>
    <xf numFmtId="0" fontId="6" fillId="2" borderId="20" xfId="1" applyFont="1" applyFill="1" applyBorder="1" applyAlignment="1">
      <alignment horizontal="right" vertical="center" wrapText="1"/>
    </xf>
    <xf numFmtId="0" fontId="8" fillId="2" borderId="21" xfId="1" applyFont="1" applyFill="1" applyBorder="1" applyAlignment="1">
      <alignment horizontal="center" vertical="center" wrapText="1"/>
    </xf>
    <xf numFmtId="0" fontId="8" fillId="2" borderId="20" xfId="1" applyFont="1" applyFill="1" applyBorder="1" applyAlignment="1">
      <alignment horizontal="center" vertical="center" wrapText="1"/>
    </xf>
    <xf numFmtId="0" fontId="8" fillId="2" borderId="22" xfId="1" applyFont="1" applyFill="1" applyBorder="1" applyAlignment="1">
      <alignment horizontal="center" vertical="center" wrapText="1"/>
    </xf>
    <xf numFmtId="0" fontId="8" fillId="2" borderId="23" xfId="1" applyFont="1" applyFill="1" applyBorder="1" applyAlignment="1">
      <alignment vertical="center" wrapText="1"/>
    </xf>
    <xf numFmtId="0" fontId="8" fillId="2" borderId="0" xfId="1" applyFont="1" applyFill="1" applyAlignment="1">
      <alignment horizontal="left" vertical="top"/>
    </xf>
    <xf numFmtId="0" fontId="5" fillId="2" borderId="13" xfId="1" applyFont="1" applyFill="1" applyBorder="1" applyAlignment="1">
      <alignment horizontal="center" vertical="center" wrapText="1"/>
    </xf>
    <xf numFmtId="0" fontId="6" fillId="2" borderId="101" xfId="1" applyFont="1" applyFill="1" applyBorder="1" applyAlignment="1">
      <alignment horizontal="right" vertical="center" wrapText="1"/>
    </xf>
    <xf numFmtId="0" fontId="5" fillId="2" borderId="10"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7" xfId="1" applyFont="1" applyFill="1" applyBorder="1" applyAlignment="1">
      <alignment horizontal="center" vertical="center"/>
    </xf>
    <xf numFmtId="0" fontId="5" fillId="2" borderId="100" xfId="1" applyFont="1" applyFill="1" applyBorder="1" applyAlignment="1">
      <alignment horizontal="center" vertical="center"/>
    </xf>
    <xf numFmtId="0" fontId="5" fillId="2" borderId="23" xfId="1" applyFont="1" applyFill="1" applyBorder="1" applyAlignment="1">
      <alignment vertical="center" wrapText="1"/>
    </xf>
    <xf numFmtId="0" fontId="6" fillId="0" borderId="102" xfId="1" applyFont="1" applyBorder="1" applyAlignment="1">
      <alignment horizontal="center" vertical="center" wrapText="1"/>
    </xf>
    <xf numFmtId="0" fontId="6" fillId="0" borderId="22" xfId="1" applyFont="1" applyBorder="1" applyAlignment="1">
      <alignment horizontal="center" vertical="center" wrapText="1"/>
    </xf>
    <xf numFmtId="0" fontId="6" fillId="0" borderId="21" xfId="1" applyFont="1" applyBorder="1" applyAlignment="1">
      <alignment horizontal="center" vertical="center" wrapText="1"/>
    </xf>
    <xf numFmtId="0" fontId="6" fillId="0" borderId="22" xfId="1" applyFont="1" applyBorder="1" applyAlignment="1">
      <alignment vertical="center" wrapText="1"/>
    </xf>
    <xf numFmtId="0" fontId="6" fillId="0" borderId="21" xfId="1" applyFont="1" applyBorder="1" applyAlignment="1">
      <alignment horizontal="center" vertical="center" wrapText="1"/>
    </xf>
    <xf numFmtId="0" fontId="6" fillId="2" borderId="76" xfId="1" applyFont="1" applyFill="1" applyBorder="1" applyAlignment="1">
      <alignment horizontal="left" vertical="center" wrapText="1"/>
    </xf>
    <xf numFmtId="0" fontId="6" fillId="2" borderId="77" xfId="1" applyFont="1" applyFill="1" applyBorder="1" applyAlignment="1">
      <alignment horizontal="left" vertical="center" wrapText="1"/>
    </xf>
    <xf numFmtId="0" fontId="6" fillId="2" borderId="178" xfId="1" applyFont="1" applyFill="1" applyBorder="1" applyAlignment="1">
      <alignment horizontal="center" vertical="center" textRotation="255" wrapText="1"/>
    </xf>
    <xf numFmtId="0" fontId="8" fillId="2" borderId="10" xfId="1" applyFont="1" applyFill="1" applyBorder="1" applyAlignment="1">
      <alignment horizontal="center" vertical="center"/>
    </xf>
    <xf numFmtId="0" fontId="6" fillId="2" borderId="101" xfId="1" applyFont="1" applyFill="1" applyBorder="1" applyAlignment="1">
      <alignment horizontal="right" vertical="center" wrapText="1"/>
    </xf>
    <xf numFmtId="0" fontId="6" fillId="2" borderId="27" xfId="1" applyFont="1" applyFill="1" applyBorder="1" applyAlignment="1">
      <alignment horizontal="right" vertical="center" wrapText="1"/>
    </xf>
    <xf numFmtId="0" fontId="6" fillId="2" borderId="101" xfId="1" applyFont="1" applyFill="1" applyBorder="1" applyAlignment="1">
      <alignment vertical="center" wrapText="1"/>
    </xf>
    <xf numFmtId="0" fontId="5" fillId="2" borderId="23" xfId="1" applyFont="1" applyFill="1" applyBorder="1" applyAlignment="1">
      <alignment horizontal="center" vertical="center" wrapText="1"/>
    </xf>
    <xf numFmtId="0" fontId="6" fillId="2" borderId="76" xfId="1" applyFont="1" applyFill="1" applyBorder="1" applyAlignment="1">
      <alignment vertical="center" wrapText="1"/>
    </xf>
    <xf numFmtId="0" fontId="8" fillId="2" borderId="0" xfId="1" applyFont="1" applyFill="1" applyAlignment="1">
      <alignment horizontal="justify" vertical="top" wrapText="1"/>
    </xf>
    <xf numFmtId="0" fontId="8" fillId="2" borderId="0" xfId="1" applyFont="1" applyFill="1" applyAlignment="1">
      <alignment horizontal="justify" vertical="top"/>
    </xf>
    <xf numFmtId="0" fontId="8" fillId="2" borderId="0" xfId="1" applyFont="1" applyFill="1" applyAlignment="1">
      <alignment horizontal="left" vertical="top" indent="5"/>
    </xf>
    <xf numFmtId="0" fontId="8" fillId="2" borderId="0" xfId="1" applyFont="1" applyFill="1" applyAlignment="1">
      <alignment horizontal="left" vertical="top" indent="9"/>
    </xf>
    <xf numFmtId="0" fontId="9" fillId="2" borderId="69" xfId="1" applyFont="1" applyFill="1" applyBorder="1" applyAlignment="1">
      <alignment horizontal="center" vertical="center" wrapText="1"/>
    </xf>
    <xf numFmtId="0" fontId="9" fillId="2" borderId="73" xfId="1" applyFont="1" applyFill="1" applyBorder="1" applyAlignment="1">
      <alignment horizontal="center" vertical="center" wrapText="1"/>
    </xf>
    <xf numFmtId="0" fontId="9" fillId="2" borderId="6" xfId="1" applyFont="1" applyFill="1" applyBorder="1" applyAlignment="1">
      <alignment horizontal="center" vertical="center" wrapText="1"/>
    </xf>
    <xf numFmtId="0" fontId="9" fillId="2" borderId="21" xfId="1" applyFont="1" applyFill="1" applyBorder="1" applyAlignment="1">
      <alignment horizontal="center" vertical="center" wrapText="1"/>
    </xf>
    <xf numFmtId="49" fontId="9" fillId="2" borderId="22" xfId="1" applyNumberFormat="1" applyFont="1" applyFill="1" applyBorder="1" applyAlignment="1">
      <alignment horizontal="center" vertical="center" wrapText="1"/>
    </xf>
    <xf numFmtId="0" fontId="9" fillId="2" borderId="178" xfId="1" applyFont="1" applyFill="1" applyBorder="1" applyAlignment="1">
      <alignment horizontal="center" vertical="center" textRotation="255" wrapText="1"/>
    </xf>
    <xf numFmtId="0" fontId="9" fillId="5" borderId="71" xfId="1" applyFont="1" applyFill="1" applyBorder="1" applyAlignment="1">
      <alignment horizontal="left" vertical="center" wrapText="1"/>
    </xf>
    <xf numFmtId="0" fontId="9" fillId="5" borderId="10" xfId="1" applyFont="1" applyFill="1" applyBorder="1" applyAlignment="1">
      <alignment horizontal="left" vertical="center" wrapText="1"/>
    </xf>
    <xf numFmtId="0" fontId="9" fillId="5" borderId="100" xfId="1" applyFont="1" applyFill="1" applyBorder="1" applyAlignment="1">
      <alignment horizontal="left" vertical="center" wrapText="1"/>
    </xf>
    <xf numFmtId="0" fontId="9" fillId="2" borderId="20" xfId="1" applyFont="1" applyFill="1" applyBorder="1" applyAlignment="1">
      <alignment vertical="center" wrapText="1"/>
    </xf>
    <xf numFmtId="0" fontId="9" fillId="2" borderId="100" xfId="1" applyFont="1" applyFill="1" applyBorder="1" applyAlignment="1">
      <alignment horizontal="center" vertical="center" wrapText="1"/>
    </xf>
    <xf numFmtId="0" fontId="10" fillId="2" borderId="10" xfId="1" applyFont="1" applyFill="1" applyBorder="1" applyAlignment="1">
      <alignment horizontal="center" vertical="center" wrapText="1"/>
    </xf>
    <xf numFmtId="0" fontId="10" fillId="2" borderId="10" xfId="1" applyFont="1" applyFill="1" applyBorder="1" applyAlignment="1">
      <alignment horizontal="center" vertical="center"/>
    </xf>
    <xf numFmtId="0" fontId="9" fillId="2" borderId="101" xfId="1" applyFont="1" applyFill="1" applyBorder="1" applyAlignment="1">
      <alignment horizontal="right" vertical="center" wrapText="1"/>
    </xf>
    <xf numFmtId="0" fontId="9" fillId="2" borderId="27" xfId="1" applyFont="1" applyFill="1" applyBorder="1" applyAlignment="1">
      <alignment horizontal="right" vertical="center" wrapText="1"/>
    </xf>
    <xf numFmtId="0" fontId="9" fillId="2" borderId="23" xfId="1" applyFont="1" applyFill="1" applyBorder="1" applyAlignment="1">
      <alignment horizontal="center" vertical="center" wrapText="1"/>
    </xf>
    <xf numFmtId="0" fontId="11" fillId="2" borderId="10" xfId="1" applyFont="1" applyFill="1" applyBorder="1" applyAlignment="1">
      <alignment horizontal="center" vertical="center" wrapText="1"/>
    </xf>
    <xf numFmtId="0" fontId="9" fillId="2" borderId="101" xfId="1" applyFont="1" applyFill="1" applyBorder="1" applyAlignment="1">
      <alignment vertical="center" wrapText="1"/>
    </xf>
    <xf numFmtId="0" fontId="9" fillId="2" borderId="22" xfId="1" applyFont="1" applyFill="1" applyBorder="1" applyAlignment="1">
      <alignment vertical="center" wrapText="1"/>
    </xf>
    <xf numFmtId="0" fontId="11" fillId="2" borderId="13" xfId="1" applyFont="1" applyFill="1" applyBorder="1" applyAlignment="1">
      <alignment horizontal="center" vertical="center"/>
    </xf>
    <xf numFmtId="0" fontId="11" fillId="2" borderId="100" xfId="1" applyFont="1" applyFill="1" applyBorder="1" applyAlignment="1">
      <alignment horizontal="center" vertical="center"/>
    </xf>
    <xf numFmtId="0" fontId="69" fillId="2" borderId="0" xfId="1" applyFont="1" applyFill="1" applyAlignment="1">
      <alignment horizontal="left" vertical="center"/>
    </xf>
    <xf numFmtId="0" fontId="11" fillId="2" borderId="23" xfId="1" applyFont="1" applyFill="1" applyBorder="1" applyAlignment="1">
      <alignment horizontal="center" vertical="center" wrapText="1"/>
    </xf>
    <xf numFmtId="0" fontId="18" fillId="2" borderId="0" xfId="1" applyFont="1" applyFill="1" applyAlignment="1">
      <alignment vertical="center" wrapText="1"/>
    </xf>
    <xf numFmtId="0" fontId="18" fillId="0" borderId="0" xfId="1" applyFont="1" applyAlignment="1">
      <alignment vertical="center" wrapText="1"/>
    </xf>
    <xf numFmtId="0" fontId="9" fillId="2" borderId="74" xfId="1" applyFont="1" applyFill="1" applyBorder="1" applyAlignment="1">
      <alignment vertical="center" wrapText="1"/>
    </xf>
    <xf numFmtId="0" fontId="9" fillId="2" borderId="76" xfId="1" applyFont="1" applyFill="1" applyBorder="1" applyAlignment="1">
      <alignment vertical="center" wrapText="1"/>
    </xf>
    <xf numFmtId="0" fontId="11" fillId="2" borderId="0" xfId="1" applyFont="1" applyFill="1" applyAlignment="1">
      <alignment horizontal="left" vertical="center"/>
    </xf>
    <xf numFmtId="0" fontId="2" fillId="2" borderId="0" xfId="1" applyFont="1" applyFill="1" applyAlignment="1">
      <alignment horizontal="left" vertical="center"/>
    </xf>
    <xf numFmtId="0" fontId="5" fillId="2" borderId="78" xfId="1" applyFont="1" applyFill="1" applyBorder="1" applyAlignment="1">
      <alignment horizontal="center" vertical="center" textRotation="255" wrapText="1"/>
    </xf>
    <xf numFmtId="49" fontId="6" fillId="0" borderId="2" xfId="1" applyNumberFormat="1" applyFont="1" applyBorder="1" applyAlignment="1">
      <alignment horizontal="left" vertical="center"/>
    </xf>
    <xf numFmtId="49" fontId="6" fillId="0" borderId="3" xfId="1" applyNumberFormat="1" applyFont="1" applyBorder="1" applyAlignment="1">
      <alignment horizontal="left" vertical="center"/>
    </xf>
    <xf numFmtId="49" fontId="6" fillId="0" borderId="4" xfId="1" applyNumberFormat="1" applyFont="1" applyBorder="1" applyAlignment="1">
      <alignment horizontal="left" vertical="center"/>
    </xf>
    <xf numFmtId="0" fontId="5" fillId="2" borderId="54" xfId="1" applyFont="1" applyFill="1" applyBorder="1" applyAlignment="1">
      <alignment horizontal="center" vertical="center" textRotation="255" wrapText="1"/>
    </xf>
    <xf numFmtId="0" fontId="6" fillId="2" borderId="41" xfId="1" applyFont="1" applyFill="1" applyBorder="1" applyAlignment="1">
      <alignment horizontal="center" vertical="center" shrinkToFit="1"/>
    </xf>
    <xf numFmtId="0" fontId="6" fillId="2" borderId="15" xfId="1" applyFont="1" applyFill="1" applyBorder="1" applyAlignment="1">
      <alignment horizontal="center" vertical="center" shrinkToFit="1"/>
    </xf>
    <xf numFmtId="49" fontId="8" fillId="2" borderId="38" xfId="1" applyNumberFormat="1" applyFont="1" applyFill="1" applyBorder="1" applyAlignment="1">
      <alignment horizontal="right" vertical="center" wrapText="1"/>
    </xf>
    <xf numFmtId="0" fontId="5" fillId="2" borderId="51" xfId="1" applyFont="1" applyFill="1" applyBorder="1" applyAlignment="1">
      <alignment horizontal="center" vertical="center" textRotation="255" wrapText="1"/>
    </xf>
    <xf numFmtId="49" fontId="6" fillId="2" borderId="19" xfId="1" applyNumberFormat="1" applyFont="1" applyFill="1" applyBorder="1" applyAlignment="1">
      <alignment horizontal="left" vertical="center" wrapText="1"/>
    </xf>
    <xf numFmtId="0" fontId="5" fillId="2" borderId="121" xfId="1" applyFont="1" applyFill="1" applyBorder="1" applyAlignment="1">
      <alignment horizontal="center" vertical="center" textRotation="255" wrapText="1"/>
    </xf>
    <xf numFmtId="0" fontId="5" fillId="2" borderId="101" xfId="1" applyFont="1" applyFill="1" applyBorder="1" applyAlignment="1">
      <alignment horizontal="left" vertical="center" wrapText="1"/>
    </xf>
    <xf numFmtId="0" fontId="5" fillId="2" borderId="27" xfId="1" applyFont="1" applyFill="1" applyBorder="1" applyAlignment="1">
      <alignment horizontal="left" vertical="center" wrapText="1"/>
    </xf>
    <xf numFmtId="0" fontId="5" fillId="2" borderId="85" xfId="1" applyFont="1" applyFill="1" applyBorder="1" applyAlignment="1">
      <alignment horizontal="left" vertical="center" wrapText="1"/>
    </xf>
    <xf numFmtId="0" fontId="8" fillId="2" borderId="101" xfId="1" applyFont="1" applyFill="1" applyBorder="1" applyAlignment="1">
      <alignment horizontal="center" vertical="center" wrapText="1"/>
    </xf>
    <xf numFmtId="0" fontId="8" fillId="2" borderId="27" xfId="1" applyFont="1" applyFill="1" applyBorder="1" applyAlignment="1">
      <alignment horizontal="center" vertical="center" wrapText="1"/>
    </xf>
    <xf numFmtId="49" fontId="5" fillId="2" borderId="27" xfId="1" applyNumberFormat="1" applyFont="1" applyFill="1" applyBorder="1" applyAlignment="1">
      <alignment horizontal="left" vertical="top"/>
    </xf>
    <xf numFmtId="0" fontId="5" fillId="2" borderId="27" xfId="1" applyFont="1" applyFill="1" applyBorder="1" applyAlignment="1">
      <alignment horizontal="center" vertical="center"/>
    </xf>
    <xf numFmtId="49" fontId="5" fillId="2" borderId="27" xfId="1" applyNumberFormat="1" applyFont="1" applyFill="1" applyBorder="1" applyAlignment="1">
      <alignment horizontal="left" vertical="center"/>
    </xf>
    <xf numFmtId="0" fontId="8" fillId="2" borderId="103" xfId="1" applyFont="1" applyFill="1" applyBorder="1" applyAlignment="1">
      <alignment horizontal="left" vertical="center"/>
    </xf>
    <xf numFmtId="0" fontId="5" fillId="2" borderId="33" xfId="1" applyFont="1" applyFill="1" applyBorder="1" applyAlignment="1">
      <alignment horizontal="center" vertical="center" textRotation="255" wrapText="1"/>
    </xf>
    <xf numFmtId="176" fontId="5" fillId="2" borderId="7" xfId="1" applyNumberFormat="1" applyFont="1" applyFill="1" applyBorder="1" applyAlignment="1">
      <alignment horizontal="left" vertical="center" wrapText="1" indent="1"/>
    </xf>
    <xf numFmtId="176" fontId="5" fillId="2" borderId="8" xfId="1" applyNumberFormat="1" applyFont="1" applyFill="1" applyBorder="1" applyAlignment="1">
      <alignment horizontal="left" vertical="center" wrapText="1" indent="1"/>
    </xf>
    <xf numFmtId="176" fontId="5" fillId="2" borderId="0" xfId="1" applyNumberFormat="1" applyFont="1" applyFill="1" applyBorder="1" applyAlignment="1">
      <alignment horizontal="left" vertical="center" wrapText="1" indent="1"/>
    </xf>
    <xf numFmtId="176" fontId="5" fillId="2" borderId="44" xfId="1" applyNumberFormat="1" applyFont="1" applyFill="1" applyBorder="1" applyAlignment="1">
      <alignment horizontal="left" vertical="center" wrapText="1" indent="1"/>
    </xf>
    <xf numFmtId="0" fontId="6" fillId="2" borderId="0" xfId="1" applyFont="1" applyFill="1" applyBorder="1" applyAlignment="1">
      <alignment horizontal="left" vertical="center" wrapText="1"/>
    </xf>
    <xf numFmtId="0" fontId="9" fillId="0" borderId="44" xfId="1" applyFont="1" applyFill="1" applyBorder="1" applyAlignment="1">
      <alignment horizontal="center" vertical="center" shrinkToFit="1"/>
    </xf>
    <xf numFmtId="49" fontId="9" fillId="0" borderId="19" xfId="1" applyNumberFormat="1" applyFont="1" applyFill="1" applyBorder="1" applyAlignment="1">
      <alignment vertical="center" wrapText="1"/>
    </xf>
    <xf numFmtId="0" fontId="5" fillId="2" borderId="41" xfId="1" applyFont="1" applyFill="1" applyBorder="1" applyAlignment="1">
      <alignment horizontal="left" vertical="top" wrapText="1"/>
    </xf>
    <xf numFmtId="0" fontId="5" fillId="2" borderId="15" xfId="1" applyFont="1" applyFill="1" applyBorder="1" applyAlignment="1">
      <alignment horizontal="left" vertical="top" wrapText="1"/>
    </xf>
    <xf numFmtId="0" fontId="5" fillId="2" borderId="16" xfId="1" applyFont="1" applyFill="1" applyBorder="1" applyAlignment="1">
      <alignment horizontal="left" vertical="top" wrapText="1"/>
    </xf>
    <xf numFmtId="0" fontId="5" fillId="2" borderId="43" xfId="1" applyFont="1" applyFill="1" applyBorder="1" applyAlignment="1">
      <alignment horizontal="left" vertical="top" wrapText="1"/>
    </xf>
    <xf numFmtId="0" fontId="5" fillId="2" borderId="0" xfId="1" applyFont="1" applyFill="1" applyAlignment="1">
      <alignment horizontal="left" vertical="top" wrapText="1"/>
    </xf>
    <xf numFmtId="0" fontId="5" fillId="2" borderId="19" xfId="1" applyFont="1" applyFill="1" applyBorder="1" applyAlignment="1">
      <alignment horizontal="left" vertical="top" wrapText="1"/>
    </xf>
    <xf numFmtId="0" fontId="5" fillId="2" borderId="33" xfId="1" applyFont="1" applyFill="1" applyBorder="1" applyAlignment="1">
      <alignment horizontal="left" vertical="top" wrapText="1"/>
    </xf>
    <xf numFmtId="0" fontId="5" fillId="2" borderId="34" xfId="1" applyFont="1" applyFill="1" applyBorder="1" applyAlignment="1">
      <alignment horizontal="center" vertical="center" wrapText="1"/>
    </xf>
    <xf numFmtId="0" fontId="5" fillId="2" borderId="38" xfId="1" applyFont="1" applyFill="1" applyBorder="1" applyAlignment="1">
      <alignment horizontal="center" vertical="center" wrapText="1"/>
    </xf>
    <xf numFmtId="0" fontId="5" fillId="2" borderId="56" xfId="1" applyFont="1" applyFill="1" applyBorder="1" applyAlignment="1">
      <alignment horizontal="center" vertical="center" wrapText="1"/>
    </xf>
    <xf numFmtId="0" fontId="5" fillId="2" borderId="180" xfId="1" applyFont="1" applyFill="1" applyBorder="1" applyAlignment="1">
      <alignment horizontal="left" vertical="top" wrapText="1"/>
    </xf>
    <xf numFmtId="0" fontId="6" fillId="2" borderId="38" xfId="1" applyFont="1" applyFill="1" applyBorder="1" applyAlignment="1">
      <alignment horizontal="right" vertical="center" wrapText="1"/>
    </xf>
    <xf numFmtId="0" fontId="5" fillId="2" borderId="38" xfId="1" applyFont="1" applyFill="1" applyBorder="1" applyAlignment="1">
      <alignment horizontal="center" vertical="center" wrapText="1"/>
    </xf>
    <xf numFmtId="0" fontId="5" fillId="2" borderId="43" xfId="1" applyFont="1" applyFill="1" applyBorder="1" applyAlignment="1">
      <alignment vertical="center" wrapText="1"/>
    </xf>
    <xf numFmtId="0" fontId="5" fillId="2" borderId="0" xfId="1" applyFont="1" applyFill="1" applyAlignment="1">
      <alignment vertical="center" wrapText="1"/>
    </xf>
    <xf numFmtId="0" fontId="5" fillId="2" borderId="19" xfId="1" applyFont="1" applyFill="1" applyBorder="1" applyAlignment="1">
      <alignment vertical="center" wrapText="1"/>
    </xf>
    <xf numFmtId="0" fontId="6" fillId="2" borderId="152" xfId="1" applyFont="1" applyFill="1" applyBorder="1" applyAlignment="1">
      <alignment vertical="center" wrapText="1"/>
    </xf>
    <xf numFmtId="0" fontId="6" fillId="2" borderId="87" xfId="1" applyFont="1" applyFill="1" applyBorder="1" applyAlignment="1">
      <alignment vertical="center" wrapText="1"/>
    </xf>
    <xf numFmtId="0" fontId="6" fillId="2" borderId="91" xfId="1" applyFont="1" applyFill="1" applyBorder="1" applyAlignment="1">
      <alignment vertical="center" wrapText="1"/>
    </xf>
    <xf numFmtId="0" fontId="8" fillId="2" borderId="0" xfId="1" applyFont="1" applyFill="1" applyAlignment="1">
      <alignment horizontal="left" vertical="top" indent="3"/>
    </xf>
    <xf numFmtId="0" fontId="8" fillId="2" borderId="0" xfId="1" applyFont="1" applyFill="1" applyAlignment="1">
      <alignment horizontal="left" vertical="top" indent="6"/>
    </xf>
    <xf numFmtId="0" fontId="11" fillId="0" borderId="31" xfId="1" applyFont="1" applyFill="1" applyBorder="1" applyAlignment="1">
      <alignment horizontal="center" vertical="center" wrapText="1"/>
    </xf>
    <xf numFmtId="0" fontId="9" fillId="0" borderId="142" xfId="1" applyFont="1" applyFill="1" applyBorder="1" applyAlignment="1">
      <alignment horizontal="center" vertical="center" wrapText="1"/>
    </xf>
    <xf numFmtId="0" fontId="6" fillId="5" borderId="20" xfId="1" applyFont="1" applyFill="1" applyBorder="1" applyAlignment="1">
      <alignment horizontal="left" vertical="center" wrapText="1"/>
    </xf>
    <xf numFmtId="0" fontId="6" fillId="5" borderId="21" xfId="1" applyFont="1" applyFill="1" applyBorder="1" applyAlignment="1">
      <alignment horizontal="left" vertical="center" wrapText="1"/>
    </xf>
    <xf numFmtId="0" fontId="6" fillId="2" borderId="43" xfId="1" applyFont="1" applyFill="1" applyBorder="1" applyAlignment="1">
      <alignment vertical="center" wrapText="1"/>
    </xf>
    <xf numFmtId="0" fontId="5" fillId="2" borderId="19" xfId="1" applyFont="1" applyFill="1" applyBorder="1" applyAlignment="1">
      <alignment vertical="top" wrapText="1"/>
    </xf>
    <xf numFmtId="0" fontId="5" fillId="2" borderId="56" xfId="1" applyFont="1" applyFill="1" applyBorder="1" applyAlignment="1">
      <alignment horizontal="center" vertical="center" wrapText="1"/>
    </xf>
    <xf numFmtId="0" fontId="6" fillId="2" borderId="57" xfId="1" applyFont="1" applyFill="1" applyBorder="1" applyAlignment="1">
      <alignment vertical="center" wrapText="1"/>
    </xf>
    <xf numFmtId="0" fontId="5" fillId="2" borderId="11" xfId="1" applyFont="1" applyFill="1" applyBorder="1" applyAlignment="1">
      <alignment horizontal="center" vertical="center" wrapText="1"/>
    </xf>
  </cellXfs>
  <cellStyles count="4">
    <cellStyle name="標準" xfId="0" builtinId="0"/>
    <cellStyle name="標準 2" xfId="2" xr:uid="{E5E554F4-43D9-4A97-8FF7-8B4D372AF6BE}"/>
    <cellStyle name="標準 2 3" xfId="1" xr:uid="{0C5B7CB3-1831-485F-A2E2-5D0B0F7C62EF}"/>
    <cellStyle name="標準_付表　訪問介護　修正版_第一号様式 2" xfId="3" xr:uid="{FDC3791C-F110-40D7-9761-9644E480C17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238125</xdr:colOff>
          <xdr:row>17</xdr:row>
          <xdr:rowOff>171450</xdr:rowOff>
        </xdr:from>
        <xdr:to>
          <xdr:col>8</xdr:col>
          <xdr:colOff>457200</xdr:colOff>
          <xdr:row>19</xdr:row>
          <xdr:rowOff>95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3963CA22-46DB-48EE-919D-D198FF07B5A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19075</xdr:colOff>
          <xdr:row>17</xdr:row>
          <xdr:rowOff>171450</xdr:rowOff>
        </xdr:from>
        <xdr:to>
          <xdr:col>12</xdr:col>
          <xdr:colOff>47625</xdr:colOff>
          <xdr:row>19</xdr:row>
          <xdr:rowOff>952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5CAC9FD8-6BFD-4FBE-BE24-E7FE9159248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52400</xdr:colOff>
          <xdr:row>9</xdr:row>
          <xdr:rowOff>171450</xdr:rowOff>
        </xdr:from>
        <xdr:to>
          <xdr:col>2</xdr:col>
          <xdr:colOff>733425</xdr:colOff>
          <xdr:row>11</xdr:row>
          <xdr:rowOff>19050</xdr:rowOff>
        </xdr:to>
        <xdr:sp macro="" textlink="">
          <xdr:nvSpPr>
            <xdr:cNvPr id="10241" name="Check Box 1" hidden="1">
              <a:extLst>
                <a:ext uri="{63B3BB69-23CF-44E3-9099-C40C66FF867C}">
                  <a14:compatExt spid="_x0000_s10241"/>
                </a:ext>
                <a:ext uri="{FF2B5EF4-FFF2-40B4-BE49-F238E27FC236}">
                  <a16:creationId xmlns:a16="http://schemas.microsoft.com/office/drawing/2014/main" id="{46C36C3C-4E71-40FD-BF57-AF4A8BB49BC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6675</xdr:colOff>
          <xdr:row>9</xdr:row>
          <xdr:rowOff>171450</xdr:rowOff>
        </xdr:from>
        <xdr:to>
          <xdr:col>3</xdr:col>
          <xdr:colOff>742950</xdr:colOff>
          <xdr:row>11</xdr:row>
          <xdr:rowOff>19050</xdr:rowOff>
        </xdr:to>
        <xdr:sp macro="" textlink="">
          <xdr:nvSpPr>
            <xdr:cNvPr id="10242" name="Check Box 2" hidden="1">
              <a:extLst>
                <a:ext uri="{63B3BB69-23CF-44E3-9099-C40C66FF867C}">
                  <a14:compatExt spid="_x0000_s10242"/>
                </a:ext>
                <a:ext uri="{FF2B5EF4-FFF2-40B4-BE49-F238E27FC236}">
                  <a16:creationId xmlns:a16="http://schemas.microsoft.com/office/drawing/2014/main" id="{F059830A-610E-4CD1-9D90-2FEA298FC72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9</xdr:row>
          <xdr:rowOff>161925</xdr:rowOff>
        </xdr:from>
        <xdr:to>
          <xdr:col>7</xdr:col>
          <xdr:colOff>390525</xdr:colOff>
          <xdr:row>11</xdr:row>
          <xdr:rowOff>47625</xdr:rowOff>
        </xdr:to>
        <xdr:sp macro="" textlink="">
          <xdr:nvSpPr>
            <xdr:cNvPr id="10243" name="Check Box 3" hidden="1">
              <a:extLst>
                <a:ext uri="{63B3BB69-23CF-44E3-9099-C40C66FF867C}">
                  <a14:compatExt spid="_x0000_s10243"/>
                </a:ext>
                <a:ext uri="{FF2B5EF4-FFF2-40B4-BE49-F238E27FC236}">
                  <a16:creationId xmlns:a16="http://schemas.microsoft.com/office/drawing/2014/main" id="{19A3258A-D9D0-4C72-812D-3E35D882732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19075</xdr:colOff>
          <xdr:row>9</xdr:row>
          <xdr:rowOff>161925</xdr:rowOff>
        </xdr:from>
        <xdr:to>
          <xdr:col>8</xdr:col>
          <xdr:colOff>485775</xdr:colOff>
          <xdr:row>11</xdr:row>
          <xdr:rowOff>38100</xdr:rowOff>
        </xdr:to>
        <xdr:sp macro="" textlink="">
          <xdr:nvSpPr>
            <xdr:cNvPr id="10244" name="Check Box 4" hidden="1">
              <a:extLst>
                <a:ext uri="{63B3BB69-23CF-44E3-9099-C40C66FF867C}">
                  <a14:compatExt spid="_x0000_s10244"/>
                </a:ext>
                <a:ext uri="{FF2B5EF4-FFF2-40B4-BE49-F238E27FC236}">
                  <a16:creationId xmlns:a16="http://schemas.microsoft.com/office/drawing/2014/main" id="{76F43767-61D5-4F23-B433-C2438DCEA29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371475</xdr:colOff>
          <xdr:row>9</xdr:row>
          <xdr:rowOff>152400</xdr:rowOff>
        </xdr:from>
        <xdr:to>
          <xdr:col>13</xdr:col>
          <xdr:colOff>19050</xdr:colOff>
          <xdr:row>11</xdr:row>
          <xdr:rowOff>38100</xdr:rowOff>
        </xdr:to>
        <xdr:sp macro="" textlink="">
          <xdr:nvSpPr>
            <xdr:cNvPr id="10245" name="Check Box 5" hidden="1">
              <a:extLst>
                <a:ext uri="{63B3BB69-23CF-44E3-9099-C40C66FF867C}">
                  <a14:compatExt spid="_x0000_s10245"/>
                </a:ext>
                <a:ext uri="{FF2B5EF4-FFF2-40B4-BE49-F238E27FC236}">
                  <a16:creationId xmlns:a16="http://schemas.microsoft.com/office/drawing/2014/main" id="{FDF0BFBD-B6F3-4628-9176-24BEE0372BA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訪問看護ステーション</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23825</xdr:colOff>
          <xdr:row>35</xdr:row>
          <xdr:rowOff>152400</xdr:rowOff>
        </xdr:from>
        <xdr:to>
          <xdr:col>5</xdr:col>
          <xdr:colOff>428625</xdr:colOff>
          <xdr:row>37</xdr:row>
          <xdr:rowOff>47625</xdr:rowOff>
        </xdr:to>
        <xdr:sp macro="" textlink="">
          <xdr:nvSpPr>
            <xdr:cNvPr id="10246" name="Check Box 6" hidden="1">
              <a:extLst>
                <a:ext uri="{63B3BB69-23CF-44E3-9099-C40C66FF867C}">
                  <a14:compatExt spid="_x0000_s10246"/>
                </a:ext>
                <a:ext uri="{FF2B5EF4-FFF2-40B4-BE49-F238E27FC236}">
                  <a16:creationId xmlns:a16="http://schemas.microsoft.com/office/drawing/2014/main" id="{2B05BBD7-ED63-4D9C-B511-A941C3B745D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66700</xdr:colOff>
          <xdr:row>35</xdr:row>
          <xdr:rowOff>152400</xdr:rowOff>
        </xdr:from>
        <xdr:to>
          <xdr:col>8</xdr:col>
          <xdr:colOff>257175</xdr:colOff>
          <xdr:row>37</xdr:row>
          <xdr:rowOff>47625</xdr:rowOff>
        </xdr:to>
        <xdr:sp macro="" textlink="">
          <xdr:nvSpPr>
            <xdr:cNvPr id="10247" name="Check Box 7" hidden="1">
              <a:extLst>
                <a:ext uri="{63B3BB69-23CF-44E3-9099-C40C66FF867C}">
                  <a14:compatExt spid="_x0000_s10247"/>
                </a:ext>
                <a:ext uri="{FF2B5EF4-FFF2-40B4-BE49-F238E27FC236}">
                  <a16:creationId xmlns:a16="http://schemas.microsoft.com/office/drawing/2014/main" id="{ECA0DC5F-038E-46FB-95A8-3E0FE7743B1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35</xdr:row>
          <xdr:rowOff>142875</xdr:rowOff>
        </xdr:from>
        <xdr:to>
          <xdr:col>11</xdr:col>
          <xdr:colOff>200025</xdr:colOff>
          <xdr:row>37</xdr:row>
          <xdr:rowOff>38100</xdr:rowOff>
        </xdr:to>
        <xdr:sp macro="" textlink="">
          <xdr:nvSpPr>
            <xdr:cNvPr id="10248" name="Check Box 8" hidden="1">
              <a:extLst>
                <a:ext uri="{63B3BB69-23CF-44E3-9099-C40C66FF867C}">
                  <a14:compatExt spid="_x0000_s10248"/>
                </a:ext>
                <a:ext uri="{FF2B5EF4-FFF2-40B4-BE49-F238E27FC236}">
                  <a16:creationId xmlns:a16="http://schemas.microsoft.com/office/drawing/2014/main" id="{D8732C0D-4A99-4D06-8965-8DD1A2F88DC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23825</xdr:colOff>
          <xdr:row>52</xdr:row>
          <xdr:rowOff>142875</xdr:rowOff>
        </xdr:from>
        <xdr:to>
          <xdr:col>5</xdr:col>
          <xdr:colOff>428625</xdr:colOff>
          <xdr:row>54</xdr:row>
          <xdr:rowOff>47625</xdr:rowOff>
        </xdr:to>
        <xdr:sp macro="" textlink="">
          <xdr:nvSpPr>
            <xdr:cNvPr id="10249" name="Check Box 9" hidden="1">
              <a:extLst>
                <a:ext uri="{63B3BB69-23CF-44E3-9099-C40C66FF867C}">
                  <a14:compatExt spid="_x0000_s10249"/>
                </a:ext>
                <a:ext uri="{FF2B5EF4-FFF2-40B4-BE49-F238E27FC236}">
                  <a16:creationId xmlns:a16="http://schemas.microsoft.com/office/drawing/2014/main" id="{3EDEB2FD-5A93-4AAE-BD05-88B4B1DAB8F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66700</xdr:colOff>
          <xdr:row>52</xdr:row>
          <xdr:rowOff>152400</xdr:rowOff>
        </xdr:from>
        <xdr:to>
          <xdr:col>8</xdr:col>
          <xdr:colOff>257175</xdr:colOff>
          <xdr:row>54</xdr:row>
          <xdr:rowOff>47625</xdr:rowOff>
        </xdr:to>
        <xdr:sp macro="" textlink="">
          <xdr:nvSpPr>
            <xdr:cNvPr id="10250" name="Check Box 10" hidden="1">
              <a:extLst>
                <a:ext uri="{63B3BB69-23CF-44E3-9099-C40C66FF867C}">
                  <a14:compatExt spid="_x0000_s10250"/>
                </a:ext>
                <a:ext uri="{FF2B5EF4-FFF2-40B4-BE49-F238E27FC236}">
                  <a16:creationId xmlns:a16="http://schemas.microsoft.com/office/drawing/2014/main" id="{6D071EFC-0838-4AE5-B295-875CEB0139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52</xdr:row>
          <xdr:rowOff>152400</xdr:rowOff>
        </xdr:from>
        <xdr:to>
          <xdr:col>11</xdr:col>
          <xdr:colOff>200025</xdr:colOff>
          <xdr:row>54</xdr:row>
          <xdr:rowOff>47625</xdr:rowOff>
        </xdr:to>
        <xdr:sp macro="" textlink="">
          <xdr:nvSpPr>
            <xdr:cNvPr id="10251" name="Check Box 11" hidden="1">
              <a:extLst>
                <a:ext uri="{63B3BB69-23CF-44E3-9099-C40C66FF867C}">
                  <a14:compatExt spid="_x0000_s10251"/>
                </a:ext>
                <a:ext uri="{FF2B5EF4-FFF2-40B4-BE49-F238E27FC236}">
                  <a16:creationId xmlns:a16="http://schemas.microsoft.com/office/drawing/2014/main" id="{FA2C615D-FCC7-4F5C-865F-24246D86BC9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123825</xdr:colOff>
          <xdr:row>21</xdr:row>
          <xdr:rowOff>142875</xdr:rowOff>
        </xdr:from>
        <xdr:to>
          <xdr:col>5</xdr:col>
          <xdr:colOff>428625</xdr:colOff>
          <xdr:row>23</xdr:row>
          <xdr:rowOff>47625</xdr:rowOff>
        </xdr:to>
        <xdr:sp macro="" textlink="">
          <xdr:nvSpPr>
            <xdr:cNvPr id="11265" name="Check Box 1" hidden="1">
              <a:extLst>
                <a:ext uri="{63B3BB69-23CF-44E3-9099-C40C66FF867C}">
                  <a14:compatExt spid="_x0000_s11265"/>
                </a:ext>
                <a:ext uri="{FF2B5EF4-FFF2-40B4-BE49-F238E27FC236}">
                  <a16:creationId xmlns:a16="http://schemas.microsoft.com/office/drawing/2014/main" id="{4EFF4F72-0438-4744-930C-E4089F1BB01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66700</xdr:colOff>
          <xdr:row>21</xdr:row>
          <xdr:rowOff>152400</xdr:rowOff>
        </xdr:from>
        <xdr:to>
          <xdr:col>8</xdr:col>
          <xdr:colOff>257175</xdr:colOff>
          <xdr:row>23</xdr:row>
          <xdr:rowOff>47625</xdr:rowOff>
        </xdr:to>
        <xdr:sp macro="" textlink="">
          <xdr:nvSpPr>
            <xdr:cNvPr id="11266" name="Check Box 2" hidden="1">
              <a:extLst>
                <a:ext uri="{63B3BB69-23CF-44E3-9099-C40C66FF867C}">
                  <a14:compatExt spid="_x0000_s11266"/>
                </a:ext>
                <a:ext uri="{FF2B5EF4-FFF2-40B4-BE49-F238E27FC236}">
                  <a16:creationId xmlns:a16="http://schemas.microsoft.com/office/drawing/2014/main" id="{C9A913E6-7D2C-4DBA-9230-63EF0507B5B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21</xdr:row>
          <xdr:rowOff>152400</xdr:rowOff>
        </xdr:from>
        <xdr:to>
          <xdr:col>11</xdr:col>
          <xdr:colOff>200025</xdr:colOff>
          <xdr:row>23</xdr:row>
          <xdr:rowOff>47625</xdr:rowOff>
        </xdr:to>
        <xdr:sp macro="" textlink="">
          <xdr:nvSpPr>
            <xdr:cNvPr id="11267" name="Check Box 3" hidden="1">
              <a:extLst>
                <a:ext uri="{63B3BB69-23CF-44E3-9099-C40C66FF867C}">
                  <a14:compatExt spid="_x0000_s11267"/>
                </a:ext>
                <a:ext uri="{FF2B5EF4-FFF2-40B4-BE49-F238E27FC236}">
                  <a16:creationId xmlns:a16="http://schemas.microsoft.com/office/drawing/2014/main" id="{876B009F-3971-4568-B239-A56E3471E7F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47625</xdr:colOff>
          <xdr:row>17</xdr:row>
          <xdr:rowOff>0</xdr:rowOff>
        </xdr:from>
        <xdr:to>
          <xdr:col>12</xdr:col>
          <xdr:colOff>238125</xdr:colOff>
          <xdr:row>18</xdr:row>
          <xdr:rowOff>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468AAA2B-BBE1-49F5-977A-46C4AE43D58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13</xdr:col>
          <xdr:colOff>57150</xdr:colOff>
          <xdr:row>17</xdr:row>
          <xdr:rowOff>0</xdr:rowOff>
        </xdr:from>
        <xdr:to>
          <xdr:col>14</xdr:col>
          <xdr:colOff>228600</xdr:colOff>
          <xdr:row>18</xdr:row>
          <xdr:rowOff>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4DA7605D-965F-4B66-8830-F69EB5F8D6C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152400</xdr:colOff>
          <xdr:row>9</xdr:row>
          <xdr:rowOff>171450</xdr:rowOff>
        </xdr:from>
        <xdr:to>
          <xdr:col>11</xdr:col>
          <xdr:colOff>304800</xdr:colOff>
          <xdr:row>11</xdr:row>
          <xdr:rowOff>1905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C9473188-C09C-47E8-BDE1-660A17A48C4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04800</xdr:colOff>
          <xdr:row>9</xdr:row>
          <xdr:rowOff>171450</xdr:rowOff>
        </xdr:from>
        <xdr:to>
          <xdr:col>5</xdr:col>
          <xdr:colOff>438150</xdr:colOff>
          <xdr:row>11</xdr:row>
          <xdr:rowOff>19050</xdr:rowOff>
        </xdr:to>
        <xdr:sp macro="" textlink="">
          <xdr:nvSpPr>
            <xdr:cNvPr id="3074" name="Check Box 2" hidden="1">
              <a:extLst>
                <a:ext uri="{63B3BB69-23CF-44E3-9099-C40C66FF867C}">
                  <a14:compatExt spid="_x0000_s3074"/>
                </a:ext>
                <a:ext uri="{FF2B5EF4-FFF2-40B4-BE49-F238E27FC236}">
                  <a16:creationId xmlns:a16="http://schemas.microsoft.com/office/drawing/2014/main" id="{E0E9E9B0-1C80-457E-846C-80630E3AAD1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単独型</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38100</xdr:colOff>
          <xdr:row>9</xdr:row>
          <xdr:rowOff>171450</xdr:rowOff>
        </xdr:from>
        <xdr:to>
          <xdr:col>15</xdr:col>
          <xdr:colOff>114300</xdr:colOff>
          <xdr:row>11</xdr:row>
          <xdr:rowOff>1905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C7B01190-21FE-4E19-8A03-1EA02C40CDA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特定施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xdr:row>
          <xdr:rowOff>171450</xdr:rowOff>
        </xdr:from>
        <xdr:to>
          <xdr:col>10</xdr:col>
          <xdr:colOff>47625</xdr:colOff>
          <xdr:row>11</xdr:row>
          <xdr:rowOff>9525</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D8FDBBC7-ED36-4F95-8923-19FBD9ACB7C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認知症対応型共同生活介護事業所</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0</xdr:colOff>
          <xdr:row>9</xdr:row>
          <xdr:rowOff>171450</xdr:rowOff>
        </xdr:from>
        <xdr:to>
          <xdr:col>20</xdr:col>
          <xdr:colOff>304800</xdr:colOff>
          <xdr:row>11</xdr:row>
          <xdr:rowOff>1905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674D7958-C880-4839-8E73-9B622758593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介護老人福祉施設</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38100</xdr:colOff>
          <xdr:row>30</xdr:row>
          <xdr:rowOff>152400</xdr:rowOff>
        </xdr:from>
        <xdr:to>
          <xdr:col>13</xdr:col>
          <xdr:colOff>152400</xdr:colOff>
          <xdr:row>32</xdr:row>
          <xdr:rowOff>57150</xdr:rowOff>
        </xdr:to>
        <xdr:sp macro="" textlink="">
          <xdr:nvSpPr>
            <xdr:cNvPr id="5121" name="Check Box 1" hidden="1">
              <a:extLst>
                <a:ext uri="{63B3BB69-23CF-44E3-9099-C40C66FF867C}">
                  <a14:compatExt spid="_x0000_s5121"/>
                </a:ext>
                <a:ext uri="{FF2B5EF4-FFF2-40B4-BE49-F238E27FC236}">
                  <a16:creationId xmlns:a16="http://schemas.microsoft.com/office/drawing/2014/main" id="{79418554-6AA3-4A76-8007-58A1C319F8A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90500</xdr:colOff>
          <xdr:row>30</xdr:row>
          <xdr:rowOff>161925</xdr:rowOff>
        </xdr:from>
        <xdr:to>
          <xdr:col>20</xdr:col>
          <xdr:colOff>0</xdr:colOff>
          <xdr:row>32</xdr:row>
          <xdr:rowOff>47625</xdr:rowOff>
        </xdr:to>
        <xdr:sp macro="" textlink="">
          <xdr:nvSpPr>
            <xdr:cNvPr id="5122" name="Check Box 2" hidden="1">
              <a:extLst>
                <a:ext uri="{63B3BB69-23CF-44E3-9099-C40C66FF867C}">
                  <a14:compatExt spid="_x0000_s5122"/>
                </a:ext>
                <a:ext uri="{FF2B5EF4-FFF2-40B4-BE49-F238E27FC236}">
                  <a16:creationId xmlns:a16="http://schemas.microsoft.com/office/drawing/2014/main" id="{8D0242FD-EB2A-4AE2-8C8F-4DA9881B1E2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0</xdr:colOff>
          <xdr:row>30</xdr:row>
          <xdr:rowOff>161925</xdr:rowOff>
        </xdr:from>
        <xdr:to>
          <xdr:col>26</xdr:col>
          <xdr:colOff>161925</xdr:colOff>
          <xdr:row>32</xdr:row>
          <xdr:rowOff>47625</xdr:rowOff>
        </xdr:to>
        <xdr:sp macro="" textlink="">
          <xdr:nvSpPr>
            <xdr:cNvPr id="5123" name="Check Box 3" hidden="1">
              <a:extLst>
                <a:ext uri="{63B3BB69-23CF-44E3-9099-C40C66FF867C}">
                  <a14:compatExt spid="_x0000_s5123"/>
                </a:ext>
                <a:ext uri="{FF2B5EF4-FFF2-40B4-BE49-F238E27FC236}">
                  <a16:creationId xmlns:a16="http://schemas.microsoft.com/office/drawing/2014/main" id="{2C2ED002-DF29-41C1-B0E4-3896A5BA8C3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38100</xdr:colOff>
          <xdr:row>46</xdr:row>
          <xdr:rowOff>152400</xdr:rowOff>
        </xdr:from>
        <xdr:to>
          <xdr:col>13</xdr:col>
          <xdr:colOff>152400</xdr:colOff>
          <xdr:row>48</xdr:row>
          <xdr:rowOff>57150</xdr:rowOff>
        </xdr:to>
        <xdr:sp macro="" textlink="">
          <xdr:nvSpPr>
            <xdr:cNvPr id="5124" name="Check Box 4" hidden="1">
              <a:extLst>
                <a:ext uri="{63B3BB69-23CF-44E3-9099-C40C66FF867C}">
                  <a14:compatExt spid="_x0000_s5124"/>
                </a:ext>
                <a:ext uri="{FF2B5EF4-FFF2-40B4-BE49-F238E27FC236}">
                  <a16:creationId xmlns:a16="http://schemas.microsoft.com/office/drawing/2014/main" id="{0BA97D1D-4B17-4D04-AC4C-86B70182A1C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90500</xdr:colOff>
          <xdr:row>46</xdr:row>
          <xdr:rowOff>161925</xdr:rowOff>
        </xdr:from>
        <xdr:to>
          <xdr:col>20</xdr:col>
          <xdr:colOff>0</xdr:colOff>
          <xdr:row>48</xdr:row>
          <xdr:rowOff>47625</xdr:rowOff>
        </xdr:to>
        <xdr:sp macro="" textlink="">
          <xdr:nvSpPr>
            <xdr:cNvPr id="5125" name="Check Box 5" hidden="1">
              <a:extLst>
                <a:ext uri="{63B3BB69-23CF-44E3-9099-C40C66FF867C}">
                  <a14:compatExt spid="_x0000_s5125"/>
                </a:ext>
                <a:ext uri="{FF2B5EF4-FFF2-40B4-BE49-F238E27FC236}">
                  <a16:creationId xmlns:a16="http://schemas.microsoft.com/office/drawing/2014/main" id="{B1AE2B9F-270B-46DB-AAA2-2B561D58FE1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0</xdr:colOff>
          <xdr:row>46</xdr:row>
          <xdr:rowOff>161925</xdr:rowOff>
        </xdr:from>
        <xdr:to>
          <xdr:col>26</xdr:col>
          <xdr:colOff>161925</xdr:colOff>
          <xdr:row>48</xdr:row>
          <xdr:rowOff>47625</xdr:rowOff>
        </xdr:to>
        <xdr:sp macro="" textlink="">
          <xdr:nvSpPr>
            <xdr:cNvPr id="5126" name="Check Box 6" hidden="1">
              <a:extLst>
                <a:ext uri="{63B3BB69-23CF-44E3-9099-C40C66FF867C}">
                  <a14:compatExt spid="_x0000_s5126"/>
                </a:ext>
                <a:ext uri="{FF2B5EF4-FFF2-40B4-BE49-F238E27FC236}">
                  <a16:creationId xmlns:a16="http://schemas.microsoft.com/office/drawing/2014/main" id="{369688DD-9564-4538-ADC9-097BC3DAC5B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38100</xdr:colOff>
          <xdr:row>21</xdr:row>
          <xdr:rowOff>142875</xdr:rowOff>
        </xdr:from>
        <xdr:to>
          <xdr:col>13</xdr:col>
          <xdr:colOff>152400</xdr:colOff>
          <xdr:row>23</xdr:row>
          <xdr:rowOff>57150</xdr:rowOff>
        </xdr:to>
        <xdr:sp macro="" textlink="">
          <xdr:nvSpPr>
            <xdr:cNvPr id="6145" name="Check Box 1" hidden="1">
              <a:extLst>
                <a:ext uri="{63B3BB69-23CF-44E3-9099-C40C66FF867C}">
                  <a14:compatExt spid="_x0000_s6145"/>
                </a:ext>
                <a:ext uri="{FF2B5EF4-FFF2-40B4-BE49-F238E27FC236}">
                  <a16:creationId xmlns:a16="http://schemas.microsoft.com/office/drawing/2014/main" id="{FDCE37FB-BBA4-48E7-BA42-33D27C6C16D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90500</xdr:colOff>
          <xdr:row>21</xdr:row>
          <xdr:rowOff>161925</xdr:rowOff>
        </xdr:from>
        <xdr:to>
          <xdr:col>20</xdr:col>
          <xdr:colOff>0</xdr:colOff>
          <xdr:row>23</xdr:row>
          <xdr:rowOff>38100</xdr:rowOff>
        </xdr:to>
        <xdr:sp macro="" textlink="">
          <xdr:nvSpPr>
            <xdr:cNvPr id="6146" name="Check Box 2" hidden="1">
              <a:extLst>
                <a:ext uri="{63B3BB69-23CF-44E3-9099-C40C66FF867C}">
                  <a14:compatExt spid="_x0000_s6146"/>
                </a:ext>
                <a:ext uri="{FF2B5EF4-FFF2-40B4-BE49-F238E27FC236}">
                  <a16:creationId xmlns:a16="http://schemas.microsoft.com/office/drawing/2014/main" id="{9C45BE0D-F6ED-4D70-9DA5-6908A855B4B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0</xdr:colOff>
          <xdr:row>21</xdr:row>
          <xdr:rowOff>161925</xdr:rowOff>
        </xdr:from>
        <xdr:to>
          <xdr:col>27</xdr:col>
          <xdr:colOff>161925</xdr:colOff>
          <xdr:row>23</xdr:row>
          <xdr:rowOff>38100</xdr:rowOff>
        </xdr:to>
        <xdr:sp macro="" textlink="">
          <xdr:nvSpPr>
            <xdr:cNvPr id="6147" name="Check Box 3" hidden="1">
              <a:extLst>
                <a:ext uri="{63B3BB69-23CF-44E3-9099-C40C66FF867C}">
                  <a14:compatExt spid="_x0000_s6147"/>
                </a:ext>
                <a:ext uri="{FF2B5EF4-FFF2-40B4-BE49-F238E27FC236}">
                  <a16:creationId xmlns:a16="http://schemas.microsoft.com/office/drawing/2014/main" id="{70AF552D-5FC1-4E1D-B2E7-65413EB5248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14300</xdr:colOff>
          <xdr:row>29</xdr:row>
          <xdr:rowOff>161925</xdr:rowOff>
        </xdr:from>
        <xdr:to>
          <xdr:col>8</xdr:col>
          <xdr:colOff>104775</xdr:colOff>
          <xdr:row>31</xdr:row>
          <xdr:rowOff>28575</xdr:rowOff>
        </xdr:to>
        <xdr:sp macro="" textlink="">
          <xdr:nvSpPr>
            <xdr:cNvPr id="7169" name="Check Box 1" hidden="1">
              <a:extLst>
                <a:ext uri="{63B3BB69-23CF-44E3-9099-C40C66FF867C}">
                  <a14:compatExt spid="_x0000_s7169"/>
                </a:ext>
                <a:ext uri="{FF2B5EF4-FFF2-40B4-BE49-F238E27FC236}">
                  <a16:creationId xmlns:a16="http://schemas.microsoft.com/office/drawing/2014/main" id="{5205FC42-5178-4C33-A2E4-309069A968A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61925</xdr:colOff>
          <xdr:row>29</xdr:row>
          <xdr:rowOff>161925</xdr:rowOff>
        </xdr:from>
        <xdr:to>
          <xdr:col>13</xdr:col>
          <xdr:colOff>133350</xdr:colOff>
          <xdr:row>31</xdr:row>
          <xdr:rowOff>28575</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31460F44-2915-4AB1-B843-6AFF23BF5F4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0</xdr:colOff>
          <xdr:row>29</xdr:row>
          <xdr:rowOff>161925</xdr:rowOff>
        </xdr:from>
        <xdr:to>
          <xdr:col>18</xdr:col>
          <xdr:colOff>266700</xdr:colOff>
          <xdr:row>31</xdr:row>
          <xdr:rowOff>28575</xdr:rowOff>
        </xdr:to>
        <xdr:sp macro="" textlink="">
          <xdr:nvSpPr>
            <xdr:cNvPr id="7171" name="Check Box 3" hidden="1">
              <a:extLst>
                <a:ext uri="{63B3BB69-23CF-44E3-9099-C40C66FF867C}">
                  <a14:compatExt spid="_x0000_s7171"/>
                </a:ext>
                <a:ext uri="{FF2B5EF4-FFF2-40B4-BE49-F238E27FC236}">
                  <a16:creationId xmlns:a16="http://schemas.microsoft.com/office/drawing/2014/main" id="{181BC9C9-5307-4CB6-AA91-9B265CEADE7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71450</xdr:colOff>
          <xdr:row>17</xdr:row>
          <xdr:rowOff>19050</xdr:rowOff>
        </xdr:from>
        <xdr:to>
          <xdr:col>5</xdr:col>
          <xdr:colOff>276225</xdr:colOff>
          <xdr:row>17</xdr:row>
          <xdr:rowOff>304800</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67108137-A29C-46C7-A26E-639424E8F73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7</xdr:row>
          <xdr:rowOff>47625</xdr:rowOff>
        </xdr:from>
        <xdr:to>
          <xdr:col>7</xdr:col>
          <xdr:colOff>171450</xdr:colOff>
          <xdr:row>17</xdr:row>
          <xdr:rowOff>276225</xdr:rowOff>
        </xdr:to>
        <xdr:sp macro="" textlink="">
          <xdr:nvSpPr>
            <xdr:cNvPr id="7173" name="Check Box 5" hidden="1">
              <a:extLst>
                <a:ext uri="{63B3BB69-23CF-44E3-9099-C40C66FF867C}">
                  <a14:compatExt spid="_x0000_s7173"/>
                </a:ext>
                <a:ext uri="{FF2B5EF4-FFF2-40B4-BE49-F238E27FC236}">
                  <a16:creationId xmlns:a16="http://schemas.microsoft.com/office/drawing/2014/main" id="{7105BA12-2D63-4946-A906-1448C00C6A8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142875</xdr:colOff>
          <xdr:row>32</xdr:row>
          <xdr:rowOff>161925</xdr:rowOff>
        </xdr:from>
        <xdr:to>
          <xdr:col>7</xdr:col>
          <xdr:colOff>466725</xdr:colOff>
          <xdr:row>34</xdr:row>
          <xdr:rowOff>47625</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F102F8AB-C402-4B1F-AF20-7A7D53CA69E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57200</xdr:colOff>
          <xdr:row>32</xdr:row>
          <xdr:rowOff>161925</xdr:rowOff>
        </xdr:from>
        <xdr:to>
          <xdr:col>10</xdr:col>
          <xdr:colOff>428625</xdr:colOff>
          <xdr:row>34</xdr:row>
          <xdr:rowOff>47625</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3BFCA7CF-79F6-45D0-995E-EA154AE16E3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42875</xdr:colOff>
          <xdr:row>32</xdr:row>
          <xdr:rowOff>161925</xdr:rowOff>
        </xdr:from>
        <xdr:to>
          <xdr:col>13</xdr:col>
          <xdr:colOff>123825</xdr:colOff>
          <xdr:row>34</xdr:row>
          <xdr:rowOff>4762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BC3DCA2-48AF-4203-A693-1E9868EB96E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38100</xdr:colOff>
          <xdr:row>16</xdr:row>
          <xdr:rowOff>257175</xdr:rowOff>
        </xdr:from>
        <xdr:to>
          <xdr:col>6</xdr:col>
          <xdr:colOff>142875</xdr:colOff>
          <xdr:row>18</xdr:row>
          <xdr:rowOff>0</xdr:rowOff>
        </xdr:to>
        <xdr:sp macro="" textlink="">
          <xdr:nvSpPr>
            <xdr:cNvPr id="9217" name="Check Box 1" hidden="1">
              <a:extLst>
                <a:ext uri="{63B3BB69-23CF-44E3-9099-C40C66FF867C}">
                  <a14:compatExt spid="_x0000_s9217"/>
                </a:ext>
                <a:ext uri="{FF2B5EF4-FFF2-40B4-BE49-F238E27FC236}">
                  <a16:creationId xmlns:a16="http://schemas.microsoft.com/office/drawing/2014/main" id="{20BC756F-D58C-4AA8-AC61-7902A841AF8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33350</xdr:colOff>
          <xdr:row>16</xdr:row>
          <xdr:rowOff>257175</xdr:rowOff>
        </xdr:from>
        <xdr:to>
          <xdr:col>6</xdr:col>
          <xdr:colOff>752475</xdr:colOff>
          <xdr:row>18</xdr:row>
          <xdr:rowOff>0</xdr:rowOff>
        </xdr:to>
        <xdr:sp macro="" textlink="">
          <xdr:nvSpPr>
            <xdr:cNvPr id="9218" name="Check Box 2" hidden="1">
              <a:extLst>
                <a:ext uri="{63B3BB69-23CF-44E3-9099-C40C66FF867C}">
                  <a14:compatExt spid="_x0000_s9218"/>
                </a:ext>
                <a:ext uri="{FF2B5EF4-FFF2-40B4-BE49-F238E27FC236}">
                  <a16:creationId xmlns:a16="http://schemas.microsoft.com/office/drawing/2014/main" id="{3F3B295F-6201-4448-B28A-A1BCC7F04C6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80975</xdr:colOff>
          <xdr:row>17</xdr:row>
          <xdr:rowOff>180975</xdr:rowOff>
        </xdr:from>
        <xdr:to>
          <xdr:col>17</xdr:col>
          <xdr:colOff>161925</xdr:colOff>
          <xdr:row>19</xdr:row>
          <xdr:rowOff>28575</xdr:rowOff>
        </xdr:to>
        <xdr:sp macro="" textlink="">
          <xdr:nvSpPr>
            <xdr:cNvPr id="9219" name="Check Box 3" hidden="1">
              <a:extLst>
                <a:ext uri="{63B3BB69-23CF-44E3-9099-C40C66FF867C}">
                  <a14:compatExt spid="_x0000_s9219"/>
                </a:ext>
                <a:ext uri="{FF2B5EF4-FFF2-40B4-BE49-F238E27FC236}">
                  <a16:creationId xmlns:a16="http://schemas.microsoft.com/office/drawing/2014/main" id="{AD4E747B-39C0-42B5-9520-6EEF2C9CB10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空床利用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409575</xdr:colOff>
          <xdr:row>17</xdr:row>
          <xdr:rowOff>180975</xdr:rowOff>
        </xdr:from>
        <xdr:to>
          <xdr:col>18</xdr:col>
          <xdr:colOff>390525</xdr:colOff>
          <xdr:row>19</xdr:row>
          <xdr:rowOff>28575</xdr:rowOff>
        </xdr:to>
        <xdr:sp macro="" textlink="">
          <xdr:nvSpPr>
            <xdr:cNvPr id="9220" name="Check Box 4" hidden="1">
              <a:extLst>
                <a:ext uri="{63B3BB69-23CF-44E3-9099-C40C66FF867C}">
                  <a14:compatExt spid="_x0000_s9220"/>
                </a:ext>
                <a:ext uri="{FF2B5EF4-FFF2-40B4-BE49-F238E27FC236}">
                  <a16:creationId xmlns:a16="http://schemas.microsoft.com/office/drawing/2014/main" id="{CBA7DAFF-25A9-47B0-93ED-078D98BCA4B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事業所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628650</xdr:colOff>
          <xdr:row>20</xdr:row>
          <xdr:rowOff>238125</xdr:rowOff>
        </xdr:from>
        <xdr:to>
          <xdr:col>14</xdr:col>
          <xdr:colOff>219075</xdr:colOff>
          <xdr:row>22</xdr:row>
          <xdr:rowOff>19050</xdr:rowOff>
        </xdr:to>
        <xdr:sp macro="" textlink="">
          <xdr:nvSpPr>
            <xdr:cNvPr id="9221" name="Check Box 5" hidden="1">
              <a:extLst>
                <a:ext uri="{63B3BB69-23CF-44E3-9099-C40C66FF867C}">
                  <a14:compatExt spid="_x0000_s9221"/>
                </a:ext>
                <a:ext uri="{FF2B5EF4-FFF2-40B4-BE49-F238E27FC236}">
                  <a16:creationId xmlns:a16="http://schemas.microsoft.com/office/drawing/2014/main" id="{EE55AC13-19B1-4121-B48A-89A526BA3DA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20</xdr:row>
          <xdr:rowOff>238125</xdr:rowOff>
        </xdr:from>
        <xdr:to>
          <xdr:col>17</xdr:col>
          <xdr:colOff>285750</xdr:colOff>
          <xdr:row>22</xdr:row>
          <xdr:rowOff>19050</xdr:rowOff>
        </xdr:to>
        <xdr:sp macro="" textlink="">
          <xdr:nvSpPr>
            <xdr:cNvPr id="9222" name="Check Box 6" hidden="1">
              <a:extLst>
                <a:ext uri="{63B3BB69-23CF-44E3-9099-C40C66FF867C}">
                  <a14:compatExt spid="_x0000_s9222"/>
                </a:ext>
                <a:ext uri="{FF2B5EF4-FFF2-40B4-BE49-F238E27FC236}">
                  <a16:creationId xmlns:a16="http://schemas.microsoft.com/office/drawing/2014/main" id="{3ADAA61D-9183-4960-8365-EF3EE4C200A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628650</xdr:colOff>
          <xdr:row>42</xdr:row>
          <xdr:rowOff>152400</xdr:rowOff>
        </xdr:from>
        <xdr:to>
          <xdr:col>14</xdr:col>
          <xdr:colOff>219075</xdr:colOff>
          <xdr:row>44</xdr:row>
          <xdr:rowOff>19050</xdr:rowOff>
        </xdr:to>
        <xdr:sp macro="" textlink="">
          <xdr:nvSpPr>
            <xdr:cNvPr id="9223" name="Check Box 7" hidden="1">
              <a:extLst>
                <a:ext uri="{63B3BB69-23CF-44E3-9099-C40C66FF867C}">
                  <a14:compatExt spid="_x0000_s9223"/>
                </a:ext>
                <a:ext uri="{FF2B5EF4-FFF2-40B4-BE49-F238E27FC236}">
                  <a16:creationId xmlns:a16="http://schemas.microsoft.com/office/drawing/2014/main" id="{4FE51A44-9ADE-402E-9BF5-55FB81589BD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42</xdr:row>
          <xdr:rowOff>152400</xdr:rowOff>
        </xdr:from>
        <xdr:to>
          <xdr:col>17</xdr:col>
          <xdr:colOff>285750</xdr:colOff>
          <xdr:row>44</xdr:row>
          <xdr:rowOff>19050</xdr:rowOff>
        </xdr:to>
        <xdr:sp macro="" textlink="">
          <xdr:nvSpPr>
            <xdr:cNvPr id="9224" name="Check Box 8" hidden="1">
              <a:extLst>
                <a:ext uri="{63B3BB69-23CF-44E3-9099-C40C66FF867C}">
                  <a14:compatExt spid="_x0000_s9224"/>
                </a:ext>
                <a:ext uri="{FF2B5EF4-FFF2-40B4-BE49-F238E27FC236}">
                  <a16:creationId xmlns:a16="http://schemas.microsoft.com/office/drawing/2014/main" id="{8F87C135-702D-4DAB-9B8B-8CF000597DC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8100</xdr:colOff>
          <xdr:row>17</xdr:row>
          <xdr:rowOff>209550</xdr:rowOff>
        </xdr:from>
        <xdr:to>
          <xdr:col>6</xdr:col>
          <xdr:colOff>152400</xdr:colOff>
          <xdr:row>19</xdr:row>
          <xdr:rowOff>19050</xdr:rowOff>
        </xdr:to>
        <xdr:sp macro="" textlink="">
          <xdr:nvSpPr>
            <xdr:cNvPr id="9225" name="Check Box 9" hidden="1">
              <a:extLst>
                <a:ext uri="{63B3BB69-23CF-44E3-9099-C40C66FF867C}">
                  <a14:compatExt spid="_x0000_s9225"/>
                </a:ext>
                <a:ext uri="{FF2B5EF4-FFF2-40B4-BE49-F238E27FC236}">
                  <a16:creationId xmlns:a16="http://schemas.microsoft.com/office/drawing/2014/main" id="{4F8B2DB8-E3FC-4CD3-81B3-756A264E0BE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33350</xdr:colOff>
          <xdr:row>17</xdr:row>
          <xdr:rowOff>209550</xdr:rowOff>
        </xdr:from>
        <xdr:to>
          <xdr:col>6</xdr:col>
          <xdr:colOff>752475</xdr:colOff>
          <xdr:row>19</xdr:row>
          <xdr:rowOff>19050</xdr:rowOff>
        </xdr:to>
        <xdr:sp macro="" textlink="">
          <xdr:nvSpPr>
            <xdr:cNvPr id="9226" name="Check Box 10" hidden="1">
              <a:extLst>
                <a:ext uri="{63B3BB69-23CF-44E3-9099-C40C66FF867C}">
                  <a14:compatExt spid="_x0000_s9226"/>
                </a:ext>
                <a:ext uri="{FF2B5EF4-FFF2-40B4-BE49-F238E27FC236}">
                  <a16:creationId xmlns:a16="http://schemas.microsoft.com/office/drawing/2014/main" id="{4FBDDD28-B13C-49F9-86A6-D94FB206D7E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38125</xdr:colOff>
          <xdr:row>18</xdr:row>
          <xdr:rowOff>0</xdr:rowOff>
        </xdr:from>
        <xdr:to>
          <xdr:col>14</xdr:col>
          <xdr:colOff>47625</xdr:colOff>
          <xdr:row>19</xdr:row>
          <xdr:rowOff>38100</xdr:rowOff>
        </xdr:to>
        <xdr:sp macro="" textlink="">
          <xdr:nvSpPr>
            <xdr:cNvPr id="9227" name="Check Box 11" hidden="1">
              <a:extLst>
                <a:ext uri="{63B3BB69-23CF-44E3-9099-C40C66FF867C}">
                  <a14:compatExt spid="_x0000_s9227"/>
                </a:ext>
                <a:ext uri="{FF2B5EF4-FFF2-40B4-BE49-F238E27FC236}">
                  <a16:creationId xmlns:a16="http://schemas.microsoft.com/office/drawing/2014/main" id="{9AA60190-D7AB-4341-806F-13F6B3D70B3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04775</xdr:colOff>
          <xdr:row>18</xdr:row>
          <xdr:rowOff>0</xdr:rowOff>
        </xdr:from>
        <xdr:to>
          <xdr:col>15</xdr:col>
          <xdr:colOff>0</xdr:colOff>
          <xdr:row>19</xdr:row>
          <xdr:rowOff>38100</xdr:rowOff>
        </xdr:to>
        <xdr:sp macro="" textlink="">
          <xdr:nvSpPr>
            <xdr:cNvPr id="9228" name="Check Box 12" hidden="1">
              <a:extLst>
                <a:ext uri="{63B3BB69-23CF-44E3-9099-C40C66FF867C}">
                  <a14:compatExt spid="_x0000_s9228"/>
                </a:ext>
                <a:ext uri="{FF2B5EF4-FFF2-40B4-BE49-F238E27FC236}">
                  <a16:creationId xmlns:a16="http://schemas.microsoft.com/office/drawing/2014/main" id="{3A3464B0-EDFD-4030-9FC3-E1B18B76D23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3825</xdr:colOff>
          <xdr:row>40</xdr:row>
          <xdr:rowOff>142875</xdr:rowOff>
        </xdr:from>
        <xdr:to>
          <xdr:col>12</xdr:col>
          <xdr:colOff>361950</xdr:colOff>
          <xdr:row>42</xdr:row>
          <xdr:rowOff>47625</xdr:rowOff>
        </xdr:to>
        <xdr:sp macro="" textlink="">
          <xdr:nvSpPr>
            <xdr:cNvPr id="9229" name="Check Box 13" hidden="1">
              <a:extLst>
                <a:ext uri="{63B3BB69-23CF-44E3-9099-C40C66FF867C}">
                  <a14:compatExt spid="_x0000_s9229"/>
                </a:ext>
                <a:ext uri="{FF2B5EF4-FFF2-40B4-BE49-F238E27FC236}">
                  <a16:creationId xmlns:a16="http://schemas.microsoft.com/office/drawing/2014/main" id="{2AD539DF-C8D3-4767-8A2F-D79FF16030E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66700</xdr:colOff>
          <xdr:row>40</xdr:row>
          <xdr:rowOff>152400</xdr:rowOff>
        </xdr:from>
        <xdr:to>
          <xdr:col>15</xdr:col>
          <xdr:colOff>123825</xdr:colOff>
          <xdr:row>42</xdr:row>
          <xdr:rowOff>47625</xdr:rowOff>
        </xdr:to>
        <xdr:sp macro="" textlink="">
          <xdr:nvSpPr>
            <xdr:cNvPr id="9230" name="Check Box 14" hidden="1">
              <a:extLst>
                <a:ext uri="{63B3BB69-23CF-44E3-9099-C40C66FF867C}">
                  <a14:compatExt spid="_x0000_s9230"/>
                </a:ext>
                <a:ext uri="{FF2B5EF4-FFF2-40B4-BE49-F238E27FC236}">
                  <a16:creationId xmlns:a16="http://schemas.microsoft.com/office/drawing/2014/main" id="{D07F5679-B0C0-4754-BD5B-143E456BDF9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0</xdr:colOff>
          <xdr:row>40</xdr:row>
          <xdr:rowOff>152400</xdr:rowOff>
        </xdr:from>
        <xdr:to>
          <xdr:col>17</xdr:col>
          <xdr:colOff>600075</xdr:colOff>
          <xdr:row>42</xdr:row>
          <xdr:rowOff>47625</xdr:rowOff>
        </xdr:to>
        <xdr:sp macro="" textlink="">
          <xdr:nvSpPr>
            <xdr:cNvPr id="9231" name="Check Box 15" hidden="1">
              <a:extLst>
                <a:ext uri="{63B3BB69-23CF-44E3-9099-C40C66FF867C}">
                  <a14:compatExt spid="_x0000_s9231"/>
                </a:ext>
                <a:ext uri="{FF2B5EF4-FFF2-40B4-BE49-F238E27FC236}">
                  <a16:creationId xmlns:a16="http://schemas.microsoft.com/office/drawing/2014/main" id="{23D8ADE8-E662-4A0E-9805-1BE9CF80A12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3825</xdr:colOff>
          <xdr:row>63</xdr:row>
          <xdr:rowOff>0</xdr:rowOff>
        </xdr:from>
        <xdr:to>
          <xdr:col>12</xdr:col>
          <xdr:colOff>361950</xdr:colOff>
          <xdr:row>64</xdr:row>
          <xdr:rowOff>47625</xdr:rowOff>
        </xdr:to>
        <xdr:sp macro="" textlink="">
          <xdr:nvSpPr>
            <xdr:cNvPr id="9232" name="Check Box 16" hidden="1">
              <a:extLst>
                <a:ext uri="{63B3BB69-23CF-44E3-9099-C40C66FF867C}">
                  <a14:compatExt spid="_x0000_s9232"/>
                </a:ext>
                <a:ext uri="{FF2B5EF4-FFF2-40B4-BE49-F238E27FC236}">
                  <a16:creationId xmlns:a16="http://schemas.microsoft.com/office/drawing/2014/main" id="{251B05D2-5248-4EBC-8F8E-0954A322387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66700</xdr:colOff>
          <xdr:row>63</xdr:row>
          <xdr:rowOff>0</xdr:rowOff>
        </xdr:from>
        <xdr:to>
          <xdr:col>15</xdr:col>
          <xdr:colOff>123825</xdr:colOff>
          <xdr:row>64</xdr:row>
          <xdr:rowOff>38100</xdr:rowOff>
        </xdr:to>
        <xdr:sp macro="" textlink="">
          <xdr:nvSpPr>
            <xdr:cNvPr id="9233" name="Check Box 17" hidden="1">
              <a:extLst>
                <a:ext uri="{63B3BB69-23CF-44E3-9099-C40C66FF867C}">
                  <a14:compatExt spid="_x0000_s9233"/>
                </a:ext>
                <a:ext uri="{FF2B5EF4-FFF2-40B4-BE49-F238E27FC236}">
                  <a16:creationId xmlns:a16="http://schemas.microsoft.com/office/drawing/2014/main" id="{A42ADD2C-1275-47B0-AD11-DE0703AA554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0</xdr:colOff>
          <xdr:row>63</xdr:row>
          <xdr:rowOff>0</xdr:rowOff>
        </xdr:from>
        <xdr:to>
          <xdr:col>17</xdr:col>
          <xdr:colOff>600075</xdr:colOff>
          <xdr:row>64</xdr:row>
          <xdr:rowOff>38100</xdr:rowOff>
        </xdr:to>
        <xdr:sp macro="" textlink="">
          <xdr:nvSpPr>
            <xdr:cNvPr id="9234" name="Check Box 18" hidden="1">
              <a:extLst>
                <a:ext uri="{63B3BB69-23CF-44E3-9099-C40C66FF867C}">
                  <a14:compatExt spid="_x0000_s9234"/>
                </a:ext>
                <a:ext uri="{FF2B5EF4-FFF2-40B4-BE49-F238E27FC236}">
                  <a16:creationId xmlns:a16="http://schemas.microsoft.com/office/drawing/2014/main" id="{07A4810A-4932-4D02-BF1D-4F101C767BA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8" Type="http://schemas.openxmlformats.org/officeDocument/2006/relationships/ctrlProp" Target="../ctrlProps/ctrlProp14.xml"/><Relationship Id="rId3" Type="http://schemas.openxmlformats.org/officeDocument/2006/relationships/vmlDrawing" Target="../drawings/vmlDrawing5.vml"/><Relationship Id="rId7" Type="http://schemas.openxmlformats.org/officeDocument/2006/relationships/ctrlProp" Target="../ctrlProps/ctrlProp13.xml"/><Relationship Id="rId2" Type="http://schemas.openxmlformats.org/officeDocument/2006/relationships/drawing" Target="../drawings/drawing5.xml"/><Relationship Id="rId1" Type="http://schemas.openxmlformats.org/officeDocument/2006/relationships/printerSettings" Target="../printerSettings/printerSettings11.bin"/><Relationship Id="rId6" Type="http://schemas.openxmlformats.org/officeDocument/2006/relationships/ctrlProp" Target="../ctrlProps/ctrlProp12.xml"/><Relationship Id="rId5" Type="http://schemas.openxmlformats.org/officeDocument/2006/relationships/ctrlProp" Target="../ctrlProps/ctrlProp11.xml"/><Relationship Id="rId4" Type="http://schemas.openxmlformats.org/officeDocument/2006/relationships/ctrlProp" Target="../ctrlProps/ctrlProp10.xml"/><Relationship Id="rId9" Type="http://schemas.openxmlformats.org/officeDocument/2006/relationships/ctrlProp" Target="../ctrlProps/ctrlProp15.xml"/></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12.bin"/><Relationship Id="rId6" Type="http://schemas.openxmlformats.org/officeDocument/2006/relationships/ctrlProp" Target="../ctrlProps/ctrlProp18.xml"/><Relationship Id="rId5" Type="http://schemas.openxmlformats.org/officeDocument/2006/relationships/ctrlProp" Target="../ctrlProps/ctrlProp17.xml"/><Relationship Id="rId4" Type="http://schemas.openxmlformats.org/officeDocument/2006/relationships/ctrlProp" Target="../ctrlProps/ctrlProp16.xml"/></Relationships>
</file>

<file path=xl/worksheets/_rels/sheet13.xml.rels><?xml version="1.0" encoding="UTF-8" standalone="yes"?>
<Relationships xmlns="http://schemas.openxmlformats.org/package/2006/relationships"><Relationship Id="rId8" Type="http://schemas.openxmlformats.org/officeDocument/2006/relationships/ctrlProp" Target="../ctrlProps/ctrlProp23.xml"/><Relationship Id="rId3" Type="http://schemas.openxmlformats.org/officeDocument/2006/relationships/vmlDrawing" Target="../drawings/vmlDrawing7.vml"/><Relationship Id="rId7" Type="http://schemas.openxmlformats.org/officeDocument/2006/relationships/ctrlProp" Target="../ctrlProps/ctrlProp22.xml"/><Relationship Id="rId2" Type="http://schemas.openxmlformats.org/officeDocument/2006/relationships/drawing" Target="../drawings/drawing7.xml"/><Relationship Id="rId1" Type="http://schemas.openxmlformats.org/officeDocument/2006/relationships/printerSettings" Target="../printerSettings/printerSettings13.bin"/><Relationship Id="rId6" Type="http://schemas.openxmlformats.org/officeDocument/2006/relationships/ctrlProp" Target="../ctrlProps/ctrlProp21.xml"/><Relationship Id="rId5" Type="http://schemas.openxmlformats.org/officeDocument/2006/relationships/ctrlProp" Target="../ctrlProps/ctrlProp20.xml"/><Relationship Id="rId4" Type="http://schemas.openxmlformats.org/officeDocument/2006/relationships/ctrlProp" Target="../ctrlProps/ctrlProp19.xml"/></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15.bin"/><Relationship Id="rId6" Type="http://schemas.openxmlformats.org/officeDocument/2006/relationships/ctrlProp" Target="../ctrlProps/ctrlProp26.xml"/><Relationship Id="rId5" Type="http://schemas.openxmlformats.org/officeDocument/2006/relationships/ctrlProp" Target="../ctrlProps/ctrlProp25.xml"/><Relationship Id="rId4" Type="http://schemas.openxmlformats.org/officeDocument/2006/relationships/ctrlProp" Target="../ctrlProps/ctrlProp24.xml"/></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31.xml"/><Relationship Id="rId13" Type="http://schemas.openxmlformats.org/officeDocument/2006/relationships/ctrlProp" Target="../ctrlProps/ctrlProp36.xml"/><Relationship Id="rId18" Type="http://schemas.openxmlformats.org/officeDocument/2006/relationships/ctrlProp" Target="../ctrlProps/ctrlProp41.xml"/><Relationship Id="rId3" Type="http://schemas.openxmlformats.org/officeDocument/2006/relationships/vmlDrawing" Target="../drawings/vmlDrawing9.vml"/><Relationship Id="rId21" Type="http://schemas.openxmlformats.org/officeDocument/2006/relationships/ctrlProp" Target="../ctrlProps/ctrlProp44.xml"/><Relationship Id="rId7" Type="http://schemas.openxmlformats.org/officeDocument/2006/relationships/ctrlProp" Target="../ctrlProps/ctrlProp30.xml"/><Relationship Id="rId12" Type="http://schemas.openxmlformats.org/officeDocument/2006/relationships/ctrlProp" Target="../ctrlProps/ctrlProp35.xml"/><Relationship Id="rId17" Type="http://schemas.openxmlformats.org/officeDocument/2006/relationships/ctrlProp" Target="../ctrlProps/ctrlProp40.xml"/><Relationship Id="rId2" Type="http://schemas.openxmlformats.org/officeDocument/2006/relationships/drawing" Target="../drawings/drawing9.xml"/><Relationship Id="rId16" Type="http://schemas.openxmlformats.org/officeDocument/2006/relationships/ctrlProp" Target="../ctrlProps/ctrlProp39.xml"/><Relationship Id="rId20" Type="http://schemas.openxmlformats.org/officeDocument/2006/relationships/ctrlProp" Target="../ctrlProps/ctrlProp43.xml"/><Relationship Id="rId1" Type="http://schemas.openxmlformats.org/officeDocument/2006/relationships/printerSettings" Target="../printerSettings/printerSettings17.bin"/><Relationship Id="rId6" Type="http://schemas.openxmlformats.org/officeDocument/2006/relationships/ctrlProp" Target="../ctrlProps/ctrlProp29.xml"/><Relationship Id="rId11" Type="http://schemas.openxmlformats.org/officeDocument/2006/relationships/ctrlProp" Target="../ctrlProps/ctrlProp34.xml"/><Relationship Id="rId5" Type="http://schemas.openxmlformats.org/officeDocument/2006/relationships/ctrlProp" Target="../ctrlProps/ctrlProp28.xml"/><Relationship Id="rId15" Type="http://schemas.openxmlformats.org/officeDocument/2006/relationships/ctrlProp" Target="../ctrlProps/ctrlProp38.xml"/><Relationship Id="rId10" Type="http://schemas.openxmlformats.org/officeDocument/2006/relationships/ctrlProp" Target="../ctrlProps/ctrlProp33.xml"/><Relationship Id="rId19" Type="http://schemas.openxmlformats.org/officeDocument/2006/relationships/ctrlProp" Target="../ctrlProps/ctrlProp42.xml"/><Relationship Id="rId4" Type="http://schemas.openxmlformats.org/officeDocument/2006/relationships/ctrlProp" Target="../ctrlProps/ctrlProp27.xml"/><Relationship Id="rId9" Type="http://schemas.openxmlformats.org/officeDocument/2006/relationships/ctrlProp" Target="../ctrlProps/ctrlProp32.xml"/><Relationship Id="rId14" Type="http://schemas.openxmlformats.org/officeDocument/2006/relationships/ctrlProp" Target="../ctrlProps/ctrlProp37.xml"/></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49.xml"/><Relationship Id="rId13" Type="http://schemas.openxmlformats.org/officeDocument/2006/relationships/ctrlProp" Target="../ctrlProps/ctrlProp54.xml"/><Relationship Id="rId3" Type="http://schemas.openxmlformats.org/officeDocument/2006/relationships/vmlDrawing" Target="../drawings/vmlDrawing10.vml"/><Relationship Id="rId7" Type="http://schemas.openxmlformats.org/officeDocument/2006/relationships/ctrlProp" Target="../ctrlProps/ctrlProp48.xml"/><Relationship Id="rId12" Type="http://schemas.openxmlformats.org/officeDocument/2006/relationships/ctrlProp" Target="../ctrlProps/ctrlProp53.xml"/><Relationship Id="rId2" Type="http://schemas.openxmlformats.org/officeDocument/2006/relationships/drawing" Target="../drawings/drawing10.xml"/><Relationship Id="rId1" Type="http://schemas.openxmlformats.org/officeDocument/2006/relationships/printerSettings" Target="../printerSettings/printerSettings19.bin"/><Relationship Id="rId6" Type="http://schemas.openxmlformats.org/officeDocument/2006/relationships/ctrlProp" Target="../ctrlProps/ctrlProp47.xml"/><Relationship Id="rId11" Type="http://schemas.openxmlformats.org/officeDocument/2006/relationships/ctrlProp" Target="../ctrlProps/ctrlProp52.xml"/><Relationship Id="rId5" Type="http://schemas.openxmlformats.org/officeDocument/2006/relationships/ctrlProp" Target="../ctrlProps/ctrlProp46.xml"/><Relationship Id="rId10" Type="http://schemas.openxmlformats.org/officeDocument/2006/relationships/ctrlProp" Target="../ctrlProps/ctrlProp51.xml"/><Relationship Id="rId4" Type="http://schemas.openxmlformats.org/officeDocument/2006/relationships/ctrlProp" Target="../ctrlProps/ctrlProp45.xml"/><Relationship Id="rId9" Type="http://schemas.openxmlformats.org/officeDocument/2006/relationships/ctrlProp" Target="../ctrlProps/ctrlProp50.xml"/><Relationship Id="rId14" Type="http://schemas.openxmlformats.org/officeDocument/2006/relationships/ctrlProp" Target="../ctrlProps/ctrlProp55.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1.xml"/><Relationship Id="rId1" Type="http://schemas.openxmlformats.org/officeDocument/2006/relationships/printerSettings" Target="../printerSettings/printerSettings20.bin"/><Relationship Id="rId6" Type="http://schemas.openxmlformats.org/officeDocument/2006/relationships/ctrlProp" Target="../ctrlProps/ctrlProp58.xml"/><Relationship Id="rId5" Type="http://schemas.openxmlformats.org/officeDocument/2006/relationships/ctrlProp" Target="../ctrlProps/ctrlProp57.xml"/><Relationship Id="rId4" Type="http://schemas.openxmlformats.org/officeDocument/2006/relationships/ctrlProp" Target="../ctrlProps/ctrlProp56.xml"/></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5.bin"/><Relationship Id="rId5" Type="http://schemas.openxmlformats.org/officeDocument/2006/relationships/ctrlProp" Target="../ctrlProps/ctrlProp4.xml"/><Relationship Id="rId4" Type="http://schemas.openxmlformats.org/officeDocument/2006/relationships/ctrlProp" Target="../ctrlProps/ctrlProp3.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7.bin"/><Relationship Id="rId5" Type="http://schemas.openxmlformats.org/officeDocument/2006/relationships/ctrlProp" Target="../ctrlProps/ctrlProp6.xml"/><Relationship Id="rId4" Type="http://schemas.openxmlformats.org/officeDocument/2006/relationships/ctrlProp" Target="../ctrlProps/ctrlProp5.xml"/></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9.bin"/><Relationship Id="rId6" Type="http://schemas.openxmlformats.org/officeDocument/2006/relationships/ctrlProp" Target="../ctrlProps/ctrlProp9.xml"/><Relationship Id="rId5" Type="http://schemas.openxmlformats.org/officeDocument/2006/relationships/ctrlProp" Target="../ctrlProps/ctrlProp8.xml"/><Relationship Id="rId4" Type="http://schemas.openxmlformats.org/officeDocument/2006/relationships/ctrlProp" Target="../ctrlProps/ctrlProp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AF0C6C-28ED-4958-A3A3-8D4A7154962B}">
  <sheetPr>
    <pageSetUpPr fitToPage="1"/>
  </sheetPr>
  <dimension ref="A1:U43"/>
  <sheetViews>
    <sheetView tabSelected="1" view="pageBreakPreview" zoomScale="93" zoomScaleNormal="100" zoomScaleSheetLayoutView="93" workbookViewId="0">
      <selection activeCell="C8" sqref="C8:P8"/>
    </sheetView>
  </sheetViews>
  <sheetFormatPr defaultColWidth="9.125" defaultRowHeight="16.5"/>
  <cols>
    <col min="1" max="1" width="7.75" style="2" customWidth="1"/>
    <col min="2" max="2" width="10.125" style="2" customWidth="1"/>
    <col min="3" max="7" width="9.125" style="2"/>
    <col min="8" max="9" width="9.25" style="2" customWidth="1"/>
    <col min="10" max="14" width="9.125" style="2"/>
    <col min="15" max="15" width="9.125" style="2" customWidth="1"/>
    <col min="16" max="18" width="9.125" style="2"/>
    <col min="19" max="19" width="9.375" style="2" bestFit="1" customWidth="1"/>
    <col min="20" max="16384" width="9.125" style="2"/>
  </cols>
  <sheetData>
    <row r="1" spans="1:21" ht="36" customHeight="1" thickBot="1">
      <c r="A1" s="1" t="s">
        <v>0</v>
      </c>
      <c r="B1" s="1"/>
      <c r="C1" s="1"/>
      <c r="D1" s="1"/>
      <c r="E1" s="1"/>
      <c r="F1" s="1"/>
      <c r="G1" s="1"/>
      <c r="H1" s="1"/>
      <c r="I1" s="1"/>
      <c r="J1" s="1"/>
      <c r="K1" s="1"/>
      <c r="L1" s="1"/>
      <c r="M1" s="1"/>
      <c r="N1" s="1"/>
      <c r="O1" s="1"/>
      <c r="P1" s="1"/>
    </row>
    <row r="2" spans="1:21" ht="15" customHeight="1">
      <c r="A2" s="3" t="s">
        <v>1</v>
      </c>
      <c r="B2" s="4" t="s">
        <v>2</v>
      </c>
      <c r="C2" s="5"/>
      <c r="D2" s="6"/>
      <c r="E2" s="6"/>
      <c r="F2" s="6"/>
      <c r="G2" s="6"/>
      <c r="H2" s="6"/>
      <c r="I2" s="6"/>
      <c r="J2" s="6"/>
      <c r="K2" s="6"/>
      <c r="L2" s="6"/>
      <c r="M2" s="6"/>
      <c r="N2" s="6"/>
      <c r="O2" s="6"/>
      <c r="P2" s="7"/>
    </row>
    <row r="3" spans="1:21" ht="15" customHeight="1">
      <c r="A3" s="8"/>
      <c r="B3" s="9" t="s">
        <v>3</v>
      </c>
      <c r="C3" s="10"/>
      <c r="D3" s="11"/>
      <c r="E3" s="11"/>
      <c r="F3" s="11"/>
      <c r="G3" s="11"/>
      <c r="H3" s="11"/>
      <c r="I3" s="11"/>
      <c r="J3" s="11"/>
      <c r="K3" s="11"/>
      <c r="L3" s="11"/>
      <c r="M3" s="11"/>
      <c r="N3" s="11"/>
      <c r="O3" s="11"/>
      <c r="P3" s="12"/>
    </row>
    <row r="4" spans="1:21" ht="30" customHeight="1">
      <c r="A4" s="8"/>
      <c r="B4" s="13" t="s">
        <v>4</v>
      </c>
      <c r="C4" s="14"/>
      <c r="D4" s="14"/>
      <c r="E4" s="14"/>
      <c r="F4" s="14"/>
      <c r="G4" s="14"/>
      <c r="H4" s="14"/>
      <c r="I4" s="14"/>
      <c r="J4" s="14"/>
      <c r="K4" s="14"/>
      <c r="L4" s="14"/>
      <c r="M4" s="14"/>
      <c r="N4" s="14"/>
      <c r="O4" s="14"/>
      <c r="P4" s="15"/>
    </row>
    <row r="5" spans="1:21" ht="15" customHeight="1">
      <c r="A5" s="8"/>
      <c r="B5" s="16" t="s">
        <v>5</v>
      </c>
      <c r="C5" s="17" t="s">
        <v>6</v>
      </c>
      <c r="D5" s="18"/>
      <c r="E5" s="19" t="s">
        <v>7</v>
      </c>
      <c r="F5" s="18"/>
      <c r="G5" s="20" t="s">
        <v>8</v>
      </c>
      <c r="H5" s="21"/>
      <c r="I5" s="21"/>
      <c r="J5" s="21"/>
      <c r="K5" s="21"/>
      <c r="L5" s="21"/>
      <c r="M5" s="21"/>
      <c r="N5" s="21"/>
      <c r="O5" s="21"/>
      <c r="P5" s="22"/>
    </row>
    <row r="6" spans="1:21" ht="15" customHeight="1">
      <c r="A6" s="8"/>
      <c r="B6" s="23"/>
      <c r="C6" s="24"/>
      <c r="D6" s="25"/>
      <c r="E6" s="26" t="s">
        <v>9</v>
      </c>
      <c r="F6" s="27"/>
      <c r="G6" s="27"/>
      <c r="H6" s="27"/>
      <c r="I6" s="27"/>
      <c r="J6" s="26" t="s">
        <v>10</v>
      </c>
      <c r="K6" s="27"/>
      <c r="L6" s="27"/>
      <c r="M6" s="27"/>
      <c r="N6" s="27"/>
      <c r="O6" s="27"/>
      <c r="P6" s="28"/>
    </row>
    <row r="7" spans="1:21" ht="15" customHeight="1">
      <c r="A7" s="8"/>
      <c r="B7" s="23"/>
      <c r="C7" s="24"/>
      <c r="D7" s="25"/>
      <c r="E7" s="26" t="s">
        <v>11</v>
      </c>
      <c r="F7" s="27"/>
      <c r="G7" s="27"/>
      <c r="H7" s="27"/>
      <c r="I7" s="27"/>
      <c r="J7" s="26" t="s">
        <v>12</v>
      </c>
      <c r="K7" s="27"/>
      <c r="L7" s="27"/>
      <c r="M7" s="27"/>
      <c r="N7" s="27"/>
      <c r="O7" s="27"/>
      <c r="P7" s="28"/>
    </row>
    <row r="8" spans="1:21" ht="18.95" customHeight="1">
      <c r="A8" s="8"/>
      <c r="B8" s="29"/>
      <c r="C8" s="10"/>
      <c r="D8" s="11"/>
      <c r="E8" s="11"/>
      <c r="F8" s="11"/>
      <c r="G8" s="11"/>
      <c r="H8" s="11"/>
      <c r="I8" s="11"/>
      <c r="J8" s="11"/>
      <c r="K8" s="11"/>
      <c r="L8" s="11"/>
      <c r="M8" s="11"/>
      <c r="N8" s="11"/>
      <c r="O8" s="11"/>
      <c r="P8" s="12"/>
    </row>
    <row r="9" spans="1:21" ht="15" customHeight="1">
      <c r="A9" s="8"/>
      <c r="B9" s="30" t="s">
        <v>13</v>
      </c>
      <c r="C9" s="31" t="s">
        <v>14</v>
      </c>
      <c r="D9" s="32"/>
      <c r="E9" s="33"/>
      <c r="F9" s="34"/>
      <c r="G9" s="34"/>
      <c r="H9" s="35" t="s">
        <v>15</v>
      </c>
      <c r="I9" s="36"/>
      <c r="J9" s="37" t="s">
        <v>16</v>
      </c>
      <c r="K9" s="33"/>
      <c r="L9" s="34"/>
      <c r="M9" s="34"/>
      <c r="N9" s="34"/>
      <c r="O9" s="34"/>
      <c r="P9" s="38"/>
    </row>
    <row r="10" spans="1:21" ht="15" customHeight="1">
      <c r="A10" s="39"/>
      <c r="B10" s="30"/>
      <c r="C10" s="31" t="s">
        <v>17</v>
      </c>
      <c r="D10" s="32"/>
      <c r="E10" s="40"/>
      <c r="F10" s="41"/>
      <c r="G10" s="41"/>
      <c r="H10" s="42"/>
      <c r="I10" s="41"/>
      <c r="J10" s="41"/>
      <c r="K10" s="41"/>
      <c r="L10" s="41"/>
      <c r="M10" s="41"/>
      <c r="N10" s="41"/>
      <c r="O10" s="41"/>
      <c r="P10" s="43"/>
    </row>
    <row r="11" spans="1:21" ht="15" customHeight="1">
      <c r="A11" s="44" t="s">
        <v>18</v>
      </c>
      <c r="B11" s="45" t="s">
        <v>3</v>
      </c>
      <c r="C11" s="46"/>
      <c r="D11" s="47"/>
      <c r="E11" s="47"/>
      <c r="F11" s="48"/>
      <c r="G11" s="49" t="s">
        <v>19</v>
      </c>
      <c r="H11" s="50" t="s">
        <v>20</v>
      </c>
      <c r="I11" s="51"/>
      <c r="J11" s="52" t="s">
        <v>21</v>
      </c>
      <c r="K11" s="51"/>
      <c r="L11" s="51"/>
      <c r="M11" s="51"/>
      <c r="N11" s="53" t="s">
        <v>8</v>
      </c>
      <c r="P11" s="54"/>
    </row>
    <row r="12" spans="1:21" ht="15" customHeight="1">
      <c r="A12" s="55"/>
      <c r="B12" s="56" t="s">
        <v>22</v>
      </c>
      <c r="C12" s="57"/>
      <c r="D12" s="58"/>
      <c r="E12" s="58"/>
      <c r="F12" s="59"/>
      <c r="G12" s="60"/>
      <c r="H12" s="61"/>
      <c r="I12" s="62"/>
      <c r="J12" s="62"/>
      <c r="K12" s="62"/>
      <c r="L12" s="62"/>
      <c r="M12" s="62"/>
      <c r="N12" s="62"/>
      <c r="O12" s="62"/>
      <c r="P12" s="63"/>
    </row>
    <row r="13" spans="1:21" ht="15" customHeight="1">
      <c r="A13" s="55"/>
      <c r="B13" s="64" t="s">
        <v>23</v>
      </c>
      <c r="C13" s="65"/>
      <c r="D13" s="66"/>
      <c r="E13" s="66"/>
      <c r="F13" s="67"/>
      <c r="G13" s="68"/>
      <c r="H13" s="69"/>
      <c r="I13" s="70"/>
      <c r="J13" s="70"/>
      <c r="K13" s="70"/>
      <c r="L13" s="70"/>
      <c r="M13" s="70"/>
      <c r="N13" s="70"/>
      <c r="O13" s="70"/>
      <c r="P13" s="71"/>
    </row>
    <row r="14" spans="1:21" ht="19.5" customHeight="1">
      <c r="A14" s="55"/>
      <c r="B14" s="72" t="s">
        <v>24</v>
      </c>
      <c r="C14" s="73"/>
      <c r="D14" s="73"/>
      <c r="E14" s="74"/>
      <c r="F14" s="74"/>
      <c r="G14" s="75"/>
      <c r="H14" s="76"/>
      <c r="I14" s="76"/>
      <c r="J14" s="76"/>
      <c r="K14" s="76"/>
      <c r="L14" s="76"/>
      <c r="M14" s="76"/>
      <c r="N14" s="76"/>
      <c r="O14" s="76"/>
      <c r="P14" s="77"/>
      <c r="Q14" s="78"/>
      <c r="R14" s="79"/>
      <c r="S14" s="80"/>
      <c r="T14" s="81"/>
      <c r="U14" s="81"/>
    </row>
    <row r="15" spans="1:21" ht="21.75" customHeight="1">
      <c r="A15" s="55"/>
      <c r="B15" s="82" t="s">
        <v>25</v>
      </c>
      <c r="C15" s="83"/>
      <c r="D15" s="84"/>
      <c r="E15" s="85" t="s">
        <v>26</v>
      </c>
      <c r="F15" s="85"/>
      <c r="G15" s="86"/>
      <c r="H15" s="87"/>
      <c r="I15" s="87"/>
      <c r="J15" s="87"/>
      <c r="K15" s="87"/>
      <c r="L15" s="87"/>
      <c r="M15" s="87"/>
      <c r="N15" s="87"/>
      <c r="O15" s="87"/>
      <c r="P15" s="88"/>
    </row>
    <row r="16" spans="1:21" ht="32.25" customHeight="1">
      <c r="A16" s="55"/>
      <c r="B16" s="89"/>
      <c r="C16" s="90"/>
      <c r="D16" s="91"/>
      <c r="E16" s="92" t="s">
        <v>27</v>
      </c>
      <c r="F16" s="92"/>
      <c r="G16" s="93"/>
      <c r="H16" s="94"/>
      <c r="I16" s="94"/>
      <c r="J16" s="94"/>
      <c r="K16" s="94"/>
      <c r="L16" s="94"/>
      <c r="M16" s="94"/>
      <c r="N16" s="94"/>
      <c r="O16" s="94"/>
      <c r="P16" s="95"/>
    </row>
    <row r="17" spans="1:16" ht="31.5" customHeight="1">
      <c r="A17" s="55"/>
      <c r="B17" s="46"/>
      <c r="C17" s="47"/>
      <c r="D17" s="48"/>
      <c r="E17" s="92"/>
      <c r="F17" s="92"/>
      <c r="G17" s="96"/>
      <c r="H17" s="97"/>
      <c r="I17" s="97"/>
      <c r="J17" s="97"/>
      <c r="K17" s="97"/>
      <c r="L17" s="97"/>
      <c r="M17" s="97"/>
      <c r="N17" s="97"/>
      <c r="O17" s="97"/>
      <c r="P17" s="98"/>
    </row>
    <row r="18" spans="1:16" ht="15" customHeight="1">
      <c r="A18" s="99" t="s">
        <v>28</v>
      </c>
      <c r="B18" s="99"/>
      <c r="C18" s="99"/>
      <c r="D18" s="99"/>
      <c r="E18" s="99"/>
      <c r="F18" s="99"/>
      <c r="G18" s="100" t="s">
        <v>29</v>
      </c>
      <c r="H18" s="101"/>
      <c r="I18" s="102"/>
      <c r="J18" s="102"/>
      <c r="K18" s="102"/>
      <c r="L18" s="102"/>
      <c r="M18" s="102"/>
      <c r="N18" s="102"/>
      <c r="O18" s="102"/>
      <c r="P18" s="103"/>
    </row>
    <row r="19" spans="1:16" ht="15" customHeight="1">
      <c r="A19" s="99"/>
      <c r="B19" s="99"/>
      <c r="C19" s="99"/>
      <c r="D19" s="99"/>
      <c r="E19" s="99"/>
      <c r="F19" s="99"/>
      <c r="G19" s="99" t="s">
        <v>19</v>
      </c>
      <c r="H19" s="50" t="s">
        <v>20</v>
      </c>
      <c r="I19" s="104"/>
      <c r="J19" s="52" t="s">
        <v>21</v>
      </c>
      <c r="K19" s="104"/>
      <c r="L19" s="104"/>
      <c r="M19" s="104"/>
      <c r="N19" s="2" t="s">
        <v>30</v>
      </c>
      <c r="O19" s="105" t="s">
        <v>31</v>
      </c>
      <c r="P19" s="106"/>
    </row>
    <row r="20" spans="1:16" ht="15" customHeight="1">
      <c r="A20" s="99"/>
      <c r="B20" s="99"/>
      <c r="C20" s="99"/>
      <c r="D20" s="99"/>
      <c r="E20" s="99"/>
      <c r="F20" s="99"/>
      <c r="G20" s="99"/>
      <c r="H20" s="107"/>
      <c r="I20" s="90"/>
      <c r="J20" s="90"/>
      <c r="K20" s="90"/>
      <c r="L20" s="90"/>
      <c r="M20" s="90"/>
      <c r="N20" s="90"/>
      <c r="O20" s="90"/>
      <c r="P20" s="108"/>
    </row>
    <row r="21" spans="1:16" ht="15" customHeight="1">
      <c r="A21" s="99"/>
      <c r="B21" s="99"/>
      <c r="C21" s="99"/>
      <c r="D21" s="99"/>
      <c r="E21" s="99"/>
      <c r="F21" s="99"/>
      <c r="G21" s="99"/>
      <c r="H21" s="109"/>
      <c r="I21" s="47"/>
      <c r="J21" s="47"/>
      <c r="K21" s="47"/>
      <c r="L21" s="47"/>
      <c r="M21" s="47"/>
      <c r="N21" s="47"/>
      <c r="O21" s="47"/>
      <c r="P21" s="110"/>
    </row>
    <row r="22" spans="1:16" ht="15" customHeight="1">
      <c r="A22" s="111" t="s">
        <v>32</v>
      </c>
      <c r="B22" s="112"/>
      <c r="C22" s="112"/>
      <c r="D22" s="112"/>
      <c r="E22" s="112"/>
      <c r="F22" s="112"/>
      <c r="G22" s="112"/>
      <c r="H22" s="112"/>
      <c r="I22" s="112"/>
      <c r="J22" s="112"/>
      <c r="K22" s="112"/>
      <c r="L22" s="112"/>
      <c r="M22" s="112"/>
      <c r="N22" s="112"/>
      <c r="O22" s="112"/>
      <c r="P22" s="113"/>
    </row>
    <row r="23" spans="1:16" ht="15" customHeight="1">
      <c r="A23" s="114" t="s">
        <v>33</v>
      </c>
      <c r="B23" s="21"/>
      <c r="C23" s="21"/>
      <c r="D23" s="115"/>
      <c r="E23" s="116" t="s">
        <v>34</v>
      </c>
      <c r="F23" s="117"/>
      <c r="G23" s="117"/>
      <c r="H23" s="117"/>
      <c r="I23" s="118" t="s">
        <v>35</v>
      </c>
      <c r="J23" s="115"/>
      <c r="K23" s="82" t="s">
        <v>36</v>
      </c>
      <c r="L23" s="119"/>
      <c r="M23" s="82" t="s">
        <v>37</v>
      </c>
      <c r="N23" s="119"/>
      <c r="O23" s="118" t="s">
        <v>38</v>
      </c>
      <c r="P23" s="22"/>
    </row>
    <row r="24" spans="1:16" ht="15" customHeight="1">
      <c r="A24" s="120"/>
      <c r="B24" s="121"/>
      <c r="C24" s="121"/>
      <c r="D24" s="122"/>
      <c r="E24" s="123" t="s">
        <v>39</v>
      </c>
      <c r="F24" s="124"/>
      <c r="G24" s="123" t="s">
        <v>40</v>
      </c>
      <c r="H24" s="124"/>
      <c r="I24" s="125"/>
      <c r="J24" s="126"/>
      <c r="K24" s="127"/>
      <c r="L24" s="128"/>
      <c r="M24" s="127"/>
      <c r="N24" s="128"/>
      <c r="O24" s="125"/>
      <c r="P24" s="129"/>
    </row>
    <row r="25" spans="1:16" ht="15" customHeight="1">
      <c r="A25" s="120"/>
      <c r="B25" s="121"/>
      <c r="C25" s="121"/>
      <c r="D25" s="122"/>
      <c r="E25" s="130" t="s">
        <v>41</v>
      </c>
      <c r="F25" s="131" t="s">
        <v>42</v>
      </c>
      <c r="G25" s="130" t="s">
        <v>41</v>
      </c>
      <c r="H25" s="131" t="s">
        <v>42</v>
      </c>
      <c r="I25" s="131" t="s">
        <v>41</v>
      </c>
      <c r="J25" s="130" t="s">
        <v>43</v>
      </c>
      <c r="K25" s="45" t="s">
        <v>41</v>
      </c>
      <c r="L25" s="45" t="s">
        <v>43</v>
      </c>
      <c r="M25" s="45" t="s">
        <v>41</v>
      </c>
      <c r="N25" s="45" t="s">
        <v>43</v>
      </c>
      <c r="O25" s="131" t="s">
        <v>44</v>
      </c>
      <c r="P25" s="132" t="s">
        <v>43</v>
      </c>
    </row>
    <row r="26" spans="1:16" ht="15" customHeight="1">
      <c r="A26" s="133"/>
      <c r="B26" s="116" t="s">
        <v>45</v>
      </c>
      <c r="C26" s="117"/>
      <c r="D26" s="134"/>
      <c r="E26" s="130"/>
      <c r="F26" s="131"/>
      <c r="G26" s="130"/>
      <c r="H26" s="131"/>
      <c r="I26" s="131"/>
      <c r="J26" s="130"/>
      <c r="K26" s="45"/>
      <c r="L26" s="45"/>
      <c r="M26" s="56"/>
      <c r="N26" s="56"/>
      <c r="O26" s="131"/>
      <c r="P26" s="132"/>
    </row>
    <row r="27" spans="1:16" ht="15" customHeight="1">
      <c r="A27" s="133"/>
      <c r="B27" s="116" t="s">
        <v>46</v>
      </c>
      <c r="C27" s="117"/>
      <c r="D27" s="134"/>
      <c r="E27" s="130"/>
      <c r="F27" s="131"/>
      <c r="G27" s="130"/>
      <c r="H27" s="131"/>
      <c r="I27" s="131"/>
      <c r="J27" s="130"/>
      <c r="K27" s="45"/>
      <c r="L27" s="45"/>
      <c r="M27" s="56"/>
      <c r="N27" s="56"/>
      <c r="O27" s="131"/>
      <c r="P27" s="132"/>
    </row>
    <row r="28" spans="1:16" ht="15" customHeight="1">
      <c r="A28" s="133"/>
      <c r="B28" s="116" t="s">
        <v>47</v>
      </c>
      <c r="C28" s="117"/>
      <c r="D28" s="134"/>
      <c r="E28" s="135"/>
      <c r="F28" s="136"/>
      <c r="G28" s="135"/>
      <c r="H28" s="136"/>
      <c r="I28" s="135"/>
      <c r="J28" s="137"/>
      <c r="K28" s="138"/>
      <c r="L28" s="139"/>
      <c r="M28" s="140"/>
      <c r="N28" s="141"/>
      <c r="O28" s="135"/>
      <c r="P28" s="142"/>
    </row>
    <row r="29" spans="1:16" ht="15" customHeight="1" thickBot="1">
      <c r="A29" s="143" t="s">
        <v>48</v>
      </c>
      <c r="B29" s="144"/>
      <c r="C29" s="144"/>
      <c r="D29" s="145"/>
      <c r="E29" s="146" t="s">
        <v>49</v>
      </c>
      <c r="F29" s="146"/>
      <c r="G29" s="146"/>
      <c r="H29" s="146"/>
      <c r="I29" s="146"/>
      <c r="J29" s="146"/>
      <c r="K29" s="146"/>
      <c r="L29" s="146"/>
      <c r="M29" s="146"/>
      <c r="N29" s="146"/>
      <c r="O29" s="146"/>
      <c r="P29" s="147"/>
    </row>
    <row r="30" spans="1:16" ht="30" customHeight="1" thickBot="1">
      <c r="A30" s="148" t="s">
        <v>50</v>
      </c>
      <c r="B30" s="149"/>
      <c r="C30" s="149"/>
      <c r="D30" s="149"/>
      <c r="E30" s="149"/>
      <c r="F30" s="149"/>
      <c r="G30" s="149"/>
      <c r="H30" s="149"/>
      <c r="I30" s="149"/>
      <c r="J30" s="149"/>
      <c r="K30" s="149"/>
      <c r="L30" s="149"/>
      <c r="M30" s="149"/>
      <c r="N30" s="149"/>
      <c r="O30" s="149"/>
      <c r="P30" s="149"/>
    </row>
    <row r="31" spans="1:16" ht="15" customHeight="1">
      <c r="A31" s="150" t="s">
        <v>1</v>
      </c>
      <c r="B31" s="151" t="s">
        <v>3</v>
      </c>
      <c r="C31" s="152"/>
      <c r="D31" s="153"/>
      <c r="E31" s="153"/>
      <c r="F31" s="153"/>
      <c r="G31" s="153"/>
      <c r="H31" s="153"/>
      <c r="I31" s="153"/>
      <c r="J31" s="153"/>
      <c r="K31" s="153"/>
      <c r="L31" s="153"/>
      <c r="M31" s="153"/>
      <c r="N31" s="153"/>
      <c r="O31" s="153"/>
      <c r="P31" s="154"/>
    </row>
    <row r="32" spans="1:16" ht="15" customHeight="1">
      <c r="A32" s="155"/>
      <c r="B32" s="13" t="s">
        <v>4</v>
      </c>
      <c r="C32" s="14"/>
      <c r="D32" s="14"/>
      <c r="E32" s="14"/>
      <c r="F32" s="14"/>
      <c r="G32" s="14"/>
      <c r="H32" s="14"/>
      <c r="I32" s="14"/>
      <c r="J32" s="14"/>
      <c r="K32" s="14"/>
      <c r="L32" s="14"/>
      <c r="M32" s="14"/>
      <c r="N32" s="14"/>
      <c r="O32" s="14"/>
      <c r="P32" s="15"/>
    </row>
    <row r="33" spans="1:16" ht="15" customHeight="1">
      <c r="A33" s="155"/>
      <c r="B33" s="16" t="s">
        <v>5</v>
      </c>
      <c r="C33" s="17" t="s">
        <v>6</v>
      </c>
      <c r="D33" s="18"/>
      <c r="E33" s="19" t="s">
        <v>7</v>
      </c>
      <c r="F33" s="18"/>
      <c r="G33" s="20" t="s">
        <v>8</v>
      </c>
      <c r="H33" s="21"/>
      <c r="I33" s="21"/>
      <c r="J33" s="21"/>
      <c r="K33" s="21"/>
      <c r="L33" s="21"/>
      <c r="M33" s="21"/>
      <c r="N33" s="21"/>
      <c r="O33" s="21"/>
      <c r="P33" s="22"/>
    </row>
    <row r="34" spans="1:16" ht="15" customHeight="1">
      <c r="A34" s="155"/>
      <c r="B34" s="23"/>
      <c r="C34" s="24"/>
      <c r="D34" s="25"/>
      <c r="E34" s="26" t="s">
        <v>9</v>
      </c>
      <c r="F34" s="27"/>
      <c r="G34" s="27"/>
      <c r="H34" s="27"/>
      <c r="I34" s="27"/>
      <c r="J34" s="26" t="s">
        <v>10</v>
      </c>
      <c r="K34" s="27"/>
      <c r="L34" s="27"/>
      <c r="M34" s="27"/>
      <c r="N34" s="27"/>
      <c r="O34" s="27"/>
      <c r="P34" s="28"/>
    </row>
    <row r="35" spans="1:16" ht="15" customHeight="1">
      <c r="A35" s="155"/>
      <c r="B35" s="23"/>
      <c r="C35" s="24"/>
      <c r="D35" s="25"/>
      <c r="E35" s="26" t="s">
        <v>11</v>
      </c>
      <c r="F35" s="27"/>
      <c r="G35" s="27"/>
      <c r="H35" s="27"/>
      <c r="I35" s="27"/>
      <c r="J35" s="26" t="s">
        <v>12</v>
      </c>
      <c r="K35" s="27"/>
      <c r="L35" s="27"/>
      <c r="M35" s="27"/>
      <c r="N35" s="27"/>
      <c r="O35" s="27"/>
      <c r="P35" s="28"/>
    </row>
    <row r="36" spans="1:16" ht="18.95" customHeight="1">
      <c r="A36" s="155"/>
      <c r="B36" s="29"/>
      <c r="C36" s="10"/>
      <c r="D36" s="11"/>
      <c r="E36" s="11"/>
      <c r="F36" s="11"/>
      <c r="G36" s="11"/>
      <c r="H36" s="11"/>
      <c r="I36" s="11"/>
      <c r="J36" s="11"/>
      <c r="K36" s="11"/>
      <c r="L36" s="11"/>
      <c r="M36" s="11"/>
      <c r="N36" s="11"/>
      <c r="O36" s="11"/>
      <c r="P36" s="12"/>
    </row>
    <row r="37" spans="1:16" ht="15" customHeight="1">
      <c r="A37" s="155"/>
      <c r="B37" s="30" t="s">
        <v>13</v>
      </c>
      <c r="C37" s="31" t="s">
        <v>14</v>
      </c>
      <c r="D37" s="32"/>
      <c r="E37" s="33"/>
      <c r="F37" s="34"/>
      <c r="G37" s="34"/>
      <c r="H37" s="35" t="s">
        <v>15</v>
      </c>
      <c r="I37" s="36"/>
      <c r="J37" s="37" t="s">
        <v>16</v>
      </c>
      <c r="K37" s="33"/>
      <c r="L37" s="34"/>
      <c r="M37" s="34"/>
      <c r="N37" s="34"/>
      <c r="O37" s="34"/>
      <c r="P37" s="38"/>
    </row>
    <row r="38" spans="1:16" ht="15" customHeight="1" thickBot="1">
      <c r="A38" s="156"/>
      <c r="B38" s="157"/>
      <c r="C38" s="158" t="s">
        <v>17</v>
      </c>
      <c r="D38" s="159"/>
      <c r="E38" s="160"/>
      <c r="F38" s="161"/>
      <c r="G38" s="161"/>
      <c r="H38" s="161"/>
      <c r="I38" s="161"/>
      <c r="J38" s="161"/>
      <c r="K38" s="161"/>
      <c r="L38" s="161"/>
      <c r="M38" s="161"/>
      <c r="N38" s="161"/>
      <c r="O38" s="161"/>
      <c r="P38" s="162"/>
    </row>
    <row r="39" spans="1:16" ht="17.25" customHeight="1">
      <c r="A39" s="163"/>
      <c r="B39" s="164"/>
      <c r="C39" s="164"/>
      <c r="D39" s="164"/>
      <c r="E39" s="164"/>
      <c r="F39" s="164"/>
      <c r="G39" s="164"/>
      <c r="H39" s="164"/>
      <c r="I39" s="164"/>
      <c r="J39" s="164"/>
      <c r="K39" s="164"/>
      <c r="L39" s="164" t="s">
        <v>51</v>
      </c>
      <c r="M39" s="164"/>
      <c r="N39" s="164"/>
      <c r="O39" s="164"/>
      <c r="P39" s="164"/>
    </row>
    <row r="40" spans="1:16" ht="15.95" customHeight="1">
      <c r="A40" s="2" t="s">
        <v>52</v>
      </c>
      <c r="B40" s="165" t="s">
        <v>53</v>
      </c>
      <c r="C40" s="166"/>
      <c r="D40" s="166"/>
      <c r="E40" s="166"/>
      <c r="F40" s="166"/>
      <c r="G40" s="166"/>
      <c r="H40" s="166"/>
      <c r="I40" s="166"/>
      <c r="J40" s="166"/>
      <c r="K40" s="166"/>
      <c r="L40" s="166"/>
      <c r="M40" s="166"/>
      <c r="N40" s="166"/>
      <c r="O40" s="166"/>
      <c r="P40" s="166"/>
    </row>
    <row r="41" spans="1:16" ht="15.95" customHeight="1">
      <c r="A41" s="167"/>
      <c r="B41" s="166"/>
      <c r="C41" s="166"/>
      <c r="D41" s="166"/>
      <c r="E41" s="166"/>
      <c r="F41" s="166"/>
      <c r="G41" s="166"/>
      <c r="H41" s="166"/>
      <c r="I41" s="166"/>
      <c r="J41" s="166"/>
      <c r="K41" s="166"/>
      <c r="L41" s="166"/>
      <c r="M41" s="166"/>
      <c r="N41" s="166"/>
      <c r="O41" s="166"/>
      <c r="P41" s="166"/>
    </row>
    <row r="42" spans="1:16" s="169" customFormat="1" ht="16.5" customHeight="1">
      <c r="A42" s="168" t="s">
        <v>54</v>
      </c>
      <c r="B42" s="166"/>
      <c r="C42" s="166"/>
      <c r="D42" s="166"/>
      <c r="E42" s="166"/>
      <c r="F42" s="166"/>
      <c r="G42" s="166"/>
      <c r="H42" s="166"/>
      <c r="I42" s="166"/>
      <c r="J42" s="166"/>
      <c r="K42" s="166"/>
      <c r="L42" s="166"/>
      <c r="M42" s="166"/>
      <c r="N42" s="166"/>
      <c r="O42" s="166"/>
      <c r="P42" s="166"/>
    </row>
    <row r="43" spans="1:16">
      <c r="B43" s="2" t="s">
        <v>51</v>
      </c>
    </row>
  </sheetData>
  <mergeCells count="74">
    <mergeCell ref="B40:P42"/>
    <mergeCell ref="B37:B38"/>
    <mergeCell ref="C37:D37"/>
    <mergeCell ref="E37:G37"/>
    <mergeCell ref="K37:P37"/>
    <mergeCell ref="C38:D38"/>
    <mergeCell ref="E38:P38"/>
    <mergeCell ref="A30:P30"/>
    <mergeCell ref="A31:A38"/>
    <mergeCell ref="C31:P31"/>
    <mergeCell ref="C32:P32"/>
    <mergeCell ref="B33:B36"/>
    <mergeCell ref="H33:P33"/>
    <mergeCell ref="C34:D35"/>
    <mergeCell ref="F34:I35"/>
    <mergeCell ref="K34:P35"/>
    <mergeCell ref="C36:P36"/>
    <mergeCell ref="I28:J28"/>
    <mergeCell ref="K28:L28"/>
    <mergeCell ref="M28:N28"/>
    <mergeCell ref="O28:P28"/>
    <mergeCell ref="A29:D29"/>
    <mergeCell ref="E29:P29"/>
    <mergeCell ref="A26:A28"/>
    <mergeCell ref="B26:D26"/>
    <mergeCell ref="B27:D27"/>
    <mergeCell ref="B28:D28"/>
    <mergeCell ref="E28:F28"/>
    <mergeCell ref="G28:H28"/>
    <mergeCell ref="A22:P22"/>
    <mergeCell ref="A23:D25"/>
    <mergeCell ref="E23:H23"/>
    <mergeCell ref="I23:J24"/>
    <mergeCell ref="K23:L24"/>
    <mergeCell ref="M23:N24"/>
    <mergeCell ref="O23:P24"/>
    <mergeCell ref="E24:F24"/>
    <mergeCell ref="G24:H24"/>
    <mergeCell ref="G15:P15"/>
    <mergeCell ref="E16:F17"/>
    <mergeCell ref="G16:P16"/>
    <mergeCell ref="G17:P17"/>
    <mergeCell ref="A18:F21"/>
    <mergeCell ref="H18:P18"/>
    <mergeCell ref="G19:G21"/>
    <mergeCell ref="O19:P19"/>
    <mergeCell ref="H20:P21"/>
    <mergeCell ref="A11:A17"/>
    <mergeCell ref="C11:F11"/>
    <mergeCell ref="G11:G13"/>
    <mergeCell ref="C12:F12"/>
    <mergeCell ref="H12:P13"/>
    <mergeCell ref="C13:F13"/>
    <mergeCell ref="B14:F14"/>
    <mergeCell ref="G14:P14"/>
    <mergeCell ref="B15:D17"/>
    <mergeCell ref="E15:F15"/>
    <mergeCell ref="C8:P8"/>
    <mergeCell ref="B9:B10"/>
    <mergeCell ref="C9:D9"/>
    <mergeCell ref="E9:G9"/>
    <mergeCell ref="K9:P9"/>
    <mergeCell ref="C10:D10"/>
    <mergeCell ref="E10:P10"/>
    <mergeCell ref="A1:P1"/>
    <mergeCell ref="A2:A10"/>
    <mergeCell ref="C2:P2"/>
    <mergeCell ref="C3:P3"/>
    <mergeCell ref="C4:P4"/>
    <mergeCell ref="B5:B8"/>
    <mergeCell ref="H5:P5"/>
    <mergeCell ref="C6:D7"/>
    <mergeCell ref="F6:I7"/>
    <mergeCell ref="K6:P7"/>
  </mergeCells>
  <phoneticPr fontId="3"/>
  <printOptions horizontalCentered="1"/>
  <pageMargins left="0.70866141732283472" right="0.70866141732283472" top="0.74803149606299213" bottom="0.74803149606299213" header="0.31496062992125984" footer="0.31496062992125984"/>
  <pageSetup paperSize="9" scale="55"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C65705-68FA-48F9-8DF6-E78A78A6F7EF}">
  <sheetPr>
    <pageSetUpPr fitToPage="1"/>
  </sheetPr>
  <dimension ref="A1:AH112"/>
  <sheetViews>
    <sheetView view="pageBreakPreview" zoomScaleNormal="100" zoomScaleSheetLayoutView="100" workbookViewId="0">
      <selection activeCell="A2" sqref="A2:AK83"/>
    </sheetView>
  </sheetViews>
  <sheetFormatPr defaultColWidth="9.125" defaultRowHeight="12"/>
  <cols>
    <col min="1" max="4" width="6" style="452" customWidth="1"/>
    <col min="5" max="6" width="6.125" style="452" customWidth="1"/>
    <col min="7" max="30" width="6" style="452" customWidth="1"/>
    <col min="31" max="16384" width="9.125" style="452"/>
  </cols>
  <sheetData>
    <row r="1" spans="1:34" ht="36" customHeight="1">
      <c r="A1" s="393" t="s">
        <v>196</v>
      </c>
      <c r="B1" s="393"/>
      <c r="C1" s="393"/>
      <c r="D1" s="393"/>
      <c r="E1" s="393"/>
      <c r="F1" s="393"/>
      <c r="G1" s="393"/>
      <c r="H1" s="393"/>
      <c r="I1" s="393"/>
      <c r="J1" s="393"/>
      <c r="K1" s="393"/>
      <c r="L1" s="393"/>
      <c r="M1" s="393"/>
      <c r="N1" s="393"/>
      <c r="O1" s="393"/>
      <c r="P1" s="393"/>
      <c r="Q1" s="393"/>
      <c r="R1" s="393"/>
      <c r="S1" s="393"/>
      <c r="T1" s="393"/>
      <c r="U1" s="393"/>
      <c r="V1" s="393"/>
    </row>
    <row r="2" spans="1:34" ht="15" customHeight="1" thickBot="1">
      <c r="A2" s="848" t="s">
        <v>151</v>
      </c>
      <c r="B2" s="848"/>
      <c r="C2" s="848"/>
      <c r="D2" s="848"/>
      <c r="E2" s="848"/>
      <c r="F2" s="848"/>
      <c r="G2" s="848"/>
      <c r="H2" s="848"/>
      <c r="I2" s="848"/>
      <c r="J2" s="848"/>
      <c r="K2" s="848"/>
      <c r="L2" s="848"/>
      <c r="M2" s="848"/>
      <c r="N2" s="848"/>
      <c r="O2" s="848"/>
      <c r="P2" s="848"/>
      <c r="Q2" s="848"/>
      <c r="R2" s="848"/>
      <c r="S2" s="848"/>
      <c r="T2" s="848"/>
      <c r="U2" s="848"/>
      <c r="V2" s="848"/>
    </row>
    <row r="3" spans="1:34" ht="15" customHeight="1">
      <c r="A3" s="849" t="s">
        <v>152</v>
      </c>
      <c r="B3" s="850" t="s">
        <v>32</v>
      </c>
      <c r="C3" s="850"/>
      <c r="D3" s="850"/>
      <c r="E3" s="850"/>
      <c r="F3" s="850"/>
      <c r="G3" s="850"/>
      <c r="H3" s="850"/>
      <c r="I3" s="850"/>
      <c r="J3" s="850"/>
      <c r="K3" s="850"/>
      <c r="L3" s="850"/>
      <c r="M3" s="850"/>
      <c r="N3" s="850"/>
      <c r="O3" s="850"/>
      <c r="P3" s="850"/>
      <c r="Q3" s="850"/>
      <c r="R3" s="850"/>
      <c r="S3" s="850"/>
      <c r="T3" s="850"/>
      <c r="U3" s="850"/>
      <c r="V3" s="851"/>
    </row>
    <row r="4" spans="1:34" ht="15" customHeight="1">
      <c r="A4" s="852"/>
      <c r="B4" s="990" t="s">
        <v>33</v>
      </c>
      <c r="C4" s="991"/>
      <c r="D4" s="991"/>
      <c r="E4" s="991"/>
      <c r="F4" s="992"/>
      <c r="G4" s="993" t="s">
        <v>163</v>
      </c>
      <c r="H4" s="994"/>
      <c r="I4" s="994"/>
      <c r="J4" s="995"/>
      <c r="K4" s="755" t="s">
        <v>164</v>
      </c>
      <c r="L4" s="996"/>
      <c r="M4" s="996"/>
      <c r="N4" s="997"/>
      <c r="O4" s="998" t="s">
        <v>190</v>
      </c>
      <c r="P4" s="999"/>
      <c r="Q4" s="999"/>
      <c r="R4" s="1000"/>
      <c r="S4" s="755" t="s">
        <v>165</v>
      </c>
      <c r="T4" s="996"/>
      <c r="U4" s="996"/>
      <c r="V4" s="1001"/>
    </row>
    <row r="5" spans="1:34" ht="15" customHeight="1">
      <c r="A5" s="852"/>
      <c r="B5" s="1002"/>
      <c r="C5" s="1003"/>
      <c r="D5" s="1003"/>
      <c r="E5" s="1003"/>
      <c r="F5" s="1004"/>
      <c r="G5" s="755" t="s">
        <v>41</v>
      </c>
      <c r="H5" s="997"/>
      <c r="I5" s="755" t="s">
        <v>42</v>
      </c>
      <c r="J5" s="997"/>
      <c r="K5" s="755" t="s">
        <v>41</v>
      </c>
      <c r="L5" s="997"/>
      <c r="M5" s="755" t="s">
        <v>42</v>
      </c>
      <c r="N5" s="997"/>
      <c r="O5" s="755" t="s">
        <v>41</v>
      </c>
      <c r="P5" s="997"/>
      <c r="Q5" s="755" t="s">
        <v>42</v>
      </c>
      <c r="R5" s="997"/>
      <c r="S5" s="755" t="s">
        <v>41</v>
      </c>
      <c r="T5" s="997"/>
      <c r="U5" s="755" t="s">
        <v>42</v>
      </c>
      <c r="V5" s="1001"/>
    </row>
    <row r="6" spans="1:34" ht="15" customHeight="1">
      <c r="A6" s="852"/>
      <c r="B6" s="1005"/>
      <c r="C6" s="755" t="s">
        <v>86</v>
      </c>
      <c r="D6" s="996"/>
      <c r="E6" s="996"/>
      <c r="F6" s="997"/>
      <c r="G6" s="755"/>
      <c r="H6" s="997"/>
      <c r="I6" s="755"/>
      <c r="J6" s="997"/>
      <c r="K6" s="755"/>
      <c r="L6" s="997"/>
      <c r="M6" s="755"/>
      <c r="N6" s="997"/>
      <c r="O6" s="755"/>
      <c r="P6" s="997"/>
      <c r="Q6" s="755"/>
      <c r="R6" s="997"/>
      <c r="S6" s="755"/>
      <c r="T6" s="997"/>
      <c r="U6" s="755"/>
      <c r="V6" s="1001"/>
    </row>
    <row r="7" spans="1:34" ht="15" customHeight="1">
      <c r="A7" s="852"/>
      <c r="B7" s="1006"/>
      <c r="C7" s="1007" t="s">
        <v>46</v>
      </c>
      <c r="D7" s="996"/>
      <c r="E7" s="996"/>
      <c r="F7" s="997"/>
      <c r="G7" s="755"/>
      <c r="H7" s="997"/>
      <c r="I7" s="755"/>
      <c r="J7" s="997"/>
      <c r="K7" s="755"/>
      <c r="L7" s="997"/>
      <c r="M7" s="755"/>
      <c r="N7" s="997"/>
      <c r="O7" s="755"/>
      <c r="P7" s="997"/>
      <c r="Q7" s="755"/>
      <c r="R7" s="997"/>
      <c r="S7" s="755"/>
      <c r="T7" s="997"/>
      <c r="U7" s="755"/>
      <c r="V7" s="1001"/>
    </row>
    <row r="8" spans="1:34" ht="15" customHeight="1">
      <c r="A8" s="852"/>
      <c r="B8" s="1002"/>
      <c r="C8" s="991"/>
      <c r="D8" s="991"/>
      <c r="E8" s="991"/>
      <c r="F8" s="992"/>
      <c r="G8" s="1008" t="s">
        <v>191</v>
      </c>
      <c r="H8" s="1008"/>
      <c r="I8" s="1008"/>
      <c r="J8" s="1008"/>
      <c r="K8" s="57" t="s">
        <v>192</v>
      </c>
      <c r="L8" s="58"/>
      <c r="M8" s="58"/>
      <c r="N8" s="59"/>
      <c r="O8" s="57" t="s">
        <v>193</v>
      </c>
      <c r="P8" s="58"/>
      <c r="Q8" s="58"/>
      <c r="R8" s="59"/>
      <c r="S8" s="57" t="s">
        <v>194</v>
      </c>
      <c r="T8" s="58"/>
      <c r="U8" s="58"/>
      <c r="V8" s="59"/>
    </row>
    <row r="9" spans="1:34" ht="15" customHeight="1">
      <c r="A9" s="852"/>
      <c r="B9" s="1002"/>
      <c r="C9" s="1003"/>
      <c r="D9" s="1003"/>
      <c r="E9" s="1003"/>
      <c r="F9" s="1004"/>
      <c r="G9" s="1009" t="s">
        <v>44</v>
      </c>
      <c r="H9" s="1009"/>
      <c r="I9" s="57" t="s">
        <v>43</v>
      </c>
      <c r="J9" s="58"/>
      <c r="K9" s="755" t="s">
        <v>41</v>
      </c>
      <c r="L9" s="997"/>
      <c r="M9" s="755" t="s">
        <v>42</v>
      </c>
      <c r="N9" s="997"/>
      <c r="O9" s="755" t="s">
        <v>41</v>
      </c>
      <c r="P9" s="997"/>
      <c r="Q9" s="755" t="s">
        <v>42</v>
      </c>
      <c r="R9" s="997"/>
      <c r="S9" s="755" t="s">
        <v>41</v>
      </c>
      <c r="T9" s="997"/>
      <c r="U9" s="755" t="s">
        <v>42</v>
      </c>
      <c r="V9" s="1001"/>
    </row>
    <row r="10" spans="1:34" ht="15" customHeight="1">
      <c r="A10" s="852"/>
      <c r="B10" s="1005"/>
      <c r="C10" s="755" t="s">
        <v>86</v>
      </c>
      <c r="D10" s="996"/>
      <c r="E10" s="996"/>
      <c r="F10" s="997"/>
      <c r="G10" s="1009"/>
      <c r="H10" s="1009"/>
      <c r="I10" s="57"/>
      <c r="J10" s="58"/>
      <c r="K10" s="755"/>
      <c r="L10" s="997"/>
      <c r="M10" s="755"/>
      <c r="N10" s="997"/>
      <c r="O10" s="755"/>
      <c r="P10" s="997"/>
      <c r="Q10" s="755"/>
      <c r="R10" s="997"/>
      <c r="S10" s="755"/>
      <c r="T10" s="997"/>
      <c r="U10" s="755"/>
      <c r="V10" s="1001"/>
    </row>
    <row r="11" spans="1:34" ht="15" customHeight="1">
      <c r="A11" s="852"/>
      <c r="B11" s="1010"/>
      <c r="C11" s="1007" t="s">
        <v>46</v>
      </c>
      <c r="D11" s="996"/>
      <c r="E11" s="996"/>
      <c r="F11" s="997"/>
      <c r="G11" s="1009"/>
      <c r="H11" s="1009"/>
      <c r="I11" s="57"/>
      <c r="J11" s="58"/>
      <c r="K11" s="755"/>
      <c r="L11" s="997"/>
      <c r="M11" s="755"/>
      <c r="N11" s="997"/>
      <c r="O11" s="755"/>
      <c r="P11" s="997"/>
      <c r="Q11" s="755"/>
      <c r="R11" s="997"/>
      <c r="S11" s="755"/>
      <c r="T11" s="997"/>
      <c r="U11" s="755"/>
      <c r="V11" s="1001"/>
    </row>
    <row r="12" spans="1:34" s="618" customFormat="1" ht="15" customHeight="1">
      <c r="A12" s="852"/>
      <c r="B12" s="869" t="s">
        <v>166</v>
      </c>
      <c r="C12" s="869"/>
      <c r="D12" s="869"/>
      <c r="E12" s="869"/>
      <c r="F12" s="869"/>
      <c r="G12" s="869"/>
      <c r="H12" s="869"/>
      <c r="I12" s="869"/>
      <c r="J12" s="869"/>
      <c r="K12" s="869"/>
      <c r="L12" s="869"/>
      <c r="M12" s="869"/>
      <c r="N12" s="869"/>
      <c r="O12" s="869"/>
      <c r="P12" s="869"/>
      <c r="Q12" s="869"/>
      <c r="R12" s="869"/>
      <c r="S12" s="869"/>
      <c r="T12" s="869"/>
      <c r="U12" s="869"/>
      <c r="V12" s="870"/>
      <c r="W12" s="452"/>
      <c r="X12" s="452"/>
      <c r="Y12" s="452"/>
      <c r="Z12" s="452"/>
      <c r="AA12" s="452"/>
      <c r="AB12" s="452"/>
      <c r="AC12" s="452"/>
      <c r="AD12" s="452"/>
      <c r="AE12" s="452"/>
      <c r="AF12" s="452"/>
      <c r="AG12" s="452"/>
      <c r="AH12" s="452"/>
    </row>
    <row r="13" spans="1:34" s="618" customFormat="1" ht="16.350000000000001" customHeight="1">
      <c r="A13" s="852"/>
      <c r="B13" s="871" t="s">
        <v>167</v>
      </c>
      <c r="C13" s="871"/>
      <c r="D13" s="871"/>
      <c r="E13" s="871"/>
      <c r="F13" s="872"/>
      <c r="G13" s="649" t="s">
        <v>120</v>
      </c>
      <c r="H13" s="873"/>
      <c r="I13" s="874" t="s">
        <v>121</v>
      </c>
      <c r="J13" s="873"/>
      <c r="K13" s="874" t="s">
        <v>122</v>
      </c>
      <c r="L13" s="873"/>
      <c r="M13" s="874" t="s">
        <v>123</v>
      </c>
      <c r="N13" s="873"/>
      <c r="O13" s="874" t="s">
        <v>124</v>
      </c>
      <c r="P13" s="873"/>
      <c r="Q13" s="874" t="s">
        <v>125</v>
      </c>
      <c r="R13" s="873"/>
      <c r="S13" s="874" t="s">
        <v>126</v>
      </c>
      <c r="T13" s="873"/>
      <c r="U13" s="874" t="s">
        <v>127</v>
      </c>
      <c r="V13" s="875"/>
      <c r="W13" s="452"/>
      <c r="X13" s="452"/>
      <c r="Y13" s="452"/>
      <c r="Z13" s="452"/>
      <c r="AA13" s="452"/>
      <c r="AB13" s="452"/>
      <c r="AC13" s="452"/>
      <c r="AD13" s="452"/>
      <c r="AE13" s="452"/>
      <c r="AF13" s="452"/>
      <c r="AG13" s="452"/>
      <c r="AH13" s="452"/>
    </row>
    <row r="14" spans="1:34" s="618" customFormat="1" ht="15.6" customHeight="1">
      <c r="A14" s="852"/>
      <c r="B14" s="876"/>
      <c r="C14" s="876"/>
      <c r="D14" s="876"/>
      <c r="E14" s="876"/>
      <c r="F14" s="877"/>
      <c r="G14" s="874"/>
      <c r="H14" s="873"/>
      <c r="I14" s="874"/>
      <c r="J14" s="873"/>
      <c r="K14" s="874"/>
      <c r="L14" s="873"/>
      <c r="M14" s="874"/>
      <c r="N14" s="873"/>
      <c r="O14" s="874"/>
      <c r="P14" s="873"/>
      <c r="Q14" s="874"/>
      <c r="R14" s="873"/>
      <c r="S14" s="874"/>
      <c r="T14" s="873"/>
      <c r="U14" s="874"/>
      <c r="V14" s="875"/>
      <c r="W14" s="452"/>
      <c r="X14" s="452"/>
      <c r="Y14" s="452"/>
      <c r="Z14" s="452"/>
      <c r="AA14" s="452"/>
      <c r="AB14" s="452"/>
      <c r="AC14" s="452"/>
      <c r="AD14" s="452"/>
      <c r="AE14" s="452"/>
      <c r="AF14" s="452"/>
      <c r="AG14" s="452"/>
      <c r="AH14" s="452"/>
    </row>
    <row r="15" spans="1:34" s="618" customFormat="1" ht="15.6" customHeight="1">
      <c r="A15" s="852"/>
      <c r="B15" s="878"/>
      <c r="C15" s="878"/>
      <c r="D15" s="878"/>
      <c r="E15" s="878"/>
      <c r="F15" s="879"/>
      <c r="G15" s="874" t="s">
        <v>128</v>
      </c>
      <c r="H15" s="649"/>
      <c r="I15" s="649"/>
      <c r="J15" s="649"/>
      <c r="K15" s="649"/>
      <c r="L15" s="873"/>
      <c r="M15" s="880"/>
      <c r="N15" s="881"/>
      <c r="O15" s="881"/>
      <c r="P15" s="881"/>
      <c r="Q15" s="881"/>
      <c r="R15" s="881"/>
      <c r="S15" s="881"/>
      <c r="T15" s="881"/>
      <c r="U15" s="881"/>
      <c r="V15" s="882"/>
      <c r="W15" s="452"/>
      <c r="X15" s="452"/>
      <c r="Y15" s="452"/>
      <c r="Z15" s="452"/>
      <c r="AA15" s="452"/>
      <c r="AB15" s="452"/>
      <c r="AC15" s="452"/>
      <c r="AD15" s="452"/>
      <c r="AE15" s="452"/>
      <c r="AF15" s="452"/>
      <c r="AG15" s="452"/>
      <c r="AH15" s="452"/>
    </row>
    <row r="16" spans="1:34" s="618" customFormat="1" ht="15.95" customHeight="1">
      <c r="A16" s="852"/>
      <c r="B16" s="200" t="s">
        <v>168</v>
      </c>
      <c r="C16" s="883"/>
      <c r="D16" s="883"/>
      <c r="E16" s="883"/>
      <c r="F16" s="234"/>
      <c r="G16" s="233"/>
      <c r="H16" s="883"/>
      <c r="I16" s="883" t="s">
        <v>130</v>
      </c>
      <c r="J16" s="883"/>
      <c r="K16" s="659"/>
      <c r="L16" s="659"/>
      <c r="M16" s="883" t="s">
        <v>169</v>
      </c>
      <c r="N16" s="883"/>
      <c r="O16" s="883"/>
      <c r="P16" s="883"/>
      <c r="Q16" s="883" t="s">
        <v>130</v>
      </c>
      <c r="R16" s="883"/>
      <c r="S16" s="236"/>
      <c r="T16" s="236"/>
      <c r="U16" s="236"/>
      <c r="V16" s="240"/>
      <c r="W16" s="452"/>
      <c r="X16" s="452"/>
      <c r="Y16" s="452"/>
      <c r="Z16" s="452"/>
      <c r="AA16" s="452"/>
      <c r="AB16" s="452"/>
      <c r="AC16" s="452"/>
      <c r="AD16" s="452"/>
      <c r="AE16" s="452"/>
      <c r="AF16" s="452"/>
      <c r="AG16" s="452"/>
      <c r="AH16" s="452"/>
    </row>
    <row r="17" spans="1:34" s="618" customFormat="1" ht="15.95" customHeight="1">
      <c r="A17" s="852"/>
      <c r="B17" s="884"/>
      <c r="C17" s="663" t="s">
        <v>132</v>
      </c>
      <c r="D17" s="202"/>
      <c r="E17" s="233" t="s">
        <v>170</v>
      </c>
      <c r="F17" s="234"/>
      <c r="G17" s="233"/>
      <c r="H17" s="883"/>
      <c r="I17" s="883" t="s">
        <v>130</v>
      </c>
      <c r="J17" s="883"/>
      <c r="K17" s="659"/>
      <c r="L17" s="659"/>
      <c r="M17" s="883" t="s">
        <v>169</v>
      </c>
      <c r="N17" s="883"/>
      <c r="O17" s="883"/>
      <c r="P17" s="883"/>
      <c r="Q17" s="883" t="s">
        <v>130</v>
      </c>
      <c r="R17" s="883"/>
      <c r="S17" s="236"/>
      <c r="T17" s="236"/>
      <c r="U17" s="236"/>
      <c r="V17" s="240"/>
      <c r="W17" s="452"/>
      <c r="X17" s="452"/>
      <c r="Y17" s="452"/>
      <c r="Z17" s="452"/>
      <c r="AA17" s="452"/>
      <c r="AB17" s="452"/>
      <c r="AC17" s="452"/>
      <c r="AD17" s="452"/>
      <c r="AE17" s="452"/>
      <c r="AF17" s="452"/>
      <c r="AG17" s="452"/>
      <c r="AH17" s="452"/>
    </row>
    <row r="18" spans="1:34" s="618" customFormat="1" ht="15.95" customHeight="1">
      <c r="A18" s="852"/>
      <c r="B18" s="885"/>
      <c r="C18" s="631"/>
      <c r="D18" s="182"/>
      <c r="E18" s="233" t="s">
        <v>134</v>
      </c>
      <c r="F18" s="234"/>
      <c r="G18" s="233"/>
      <c r="H18" s="883"/>
      <c r="I18" s="883" t="s">
        <v>130</v>
      </c>
      <c r="J18" s="883"/>
      <c r="K18" s="659"/>
      <c r="L18" s="659"/>
      <c r="M18" s="883" t="s">
        <v>169</v>
      </c>
      <c r="N18" s="883"/>
      <c r="O18" s="883"/>
      <c r="P18" s="883"/>
      <c r="Q18" s="883" t="s">
        <v>130</v>
      </c>
      <c r="R18" s="883"/>
      <c r="S18" s="236"/>
      <c r="T18" s="236"/>
      <c r="U18" s="236"/>
      <c r="V18" s="240"/>
      <c r="W18" s="452"/>
      <c r="X18" s="452"/>
      <c r="Y18" s="452"/>
      <c r="Z18" s="452"/>
      <c r="AA18" s="452"/>
      <c r="AB18" s="452"/>
      <c r="AC18" s="452"/>
      <c r="AD18" s="452"/>
      <c r="AE18" s="452"/>
      <c r="AF18" s="452"/>
      <c r="AG18" s="452"/>
      <c r="AH18" s="452"/>
    </row>
    <row r="19" spans="1:34" s="618" customFormat="1" ht="15.95" customHeight="1">
      <c r="A19" s="852"/>
      <c r="B19" s="886"/>
      <c r="C19" s="646"/>
      <c r="D19" s="195"/>
      <c r="E19" s="233" t="s">
        <v>135</v>
      </c>
      <c r="F19" s="234"/>
      <c r="G19" s="233"/>
      <c r="H19" s="883"/>
      <c r="I19" s="883" t="s">
        <v>130</v>
      </c>
      <c r="J19" s="883"/>
      <c r="K19" s="659"/>
      <c r="L19" s="659"/>
      <c r="M19" s="883" t="s">
        <v>169</v>
      </c>
      <c r="N19" s="883"/>
      <c r="O19" s="883"/>
      <c r="P19" s="883"/>
      <c r="Q19" s="883" t="s">
        <v>130</v>
      </c>
      <c r="R19" s="883"/>
      <c r="S19" s="236"/>
      <c r="T19" s="236"/>
      <c r="U19" s="236"/>
      <c r="V19" s="240"/>
      <c r="W19" s="452"/>
      <c r="X19" s="452"/>
      <c r="Y19" s="452"/>
      <c r="Z19" s="452"/>
      <c r="AA19" s="452"/>
      <c r="AB19" s="452"/>
      <c r="AC19" s="452"/>
      <c r="AD19" s="452"/>
      <c r="AE19" s="452"/>
      <c r="AF19" s="452"/>
      <c r="AG19" s="452"/>
      <c r="AH19" s="452"/>
    </row>
    <row r="20" spans="1:34" s="618" customFormat="1" ht="16.350000000000001" customHeight="1">
      <c r="A20" s="852"/>
      <c r="B20" s="201" t="s">
        <v>136</v>
      </c>
      <c r="C20" s="201"/>
      <c r="D20" s="201"/>
      <c r="E20" s="201"/>
      <c r="F20" s="202"/>
      <c r="G20" s="233"/>
      <c r="H20" s="883"/>
      <c r="I20" s="883" t="s">
        <v>130</v>
      </c>
      <c r="J20" s="883"/>
      <c r="K20" s="659"/>
      <c r="L20" s="659"/>
      <c r="M20" s="883" t="s">
        <v>169</v>
      </c>
      <c r="N20" s="883"/>
      <c r="O20" s="883"/>
      <c r="P20" s="883"/>
      <c r="Q20" s="883" t="s">
        <v>130</v>
      </c>
      <c r="R20" s="883"/>
      <c r="S20" s="236"/>
      <c r="T20" s="236"/>
      <c r="U20" s="236"/>
      <c r="V20" s="240"/>
      <c r="W20" s="452"/>
      <c r="X20" s="452"/>
      <c r="Y20" s="452"/>
      <c r="Z20" s="452"/>
      <c r="AA20" s="452"/>
      <c r="AB20" s="452"/>
      <c r="AC20" s="452"/>
      <c r="AD20" s="452"/>
      <c r="AE20" s="452"/>
      <c r="AF20" s="452"/>
      <c r="AG20" s="452"/>
      <c r="AH20" s="452"/>
    </row>
    <row r="21" spans="1:34" s="618" customFormat="1" ht="16.350000000000001" customHeight="1" thickBot="1">
      <c r="A21" s="852"/>
      <c r="B21" s="887" t="s">
        <v>137</v>
      </c>
      <c r="C21" s="672"/>
      <c r="D21" s="672"/>
      <c r="E21" s="672"/>
      <c r="F21" s="244"/>
      <c r="G21" s="673"/>
      <c r="H21" s="674"/>
      <c r="I21" s="674"/>
      <c r="J21" s="674"/>
      <c r="K21" s="888"/>
      <c r="L21" s="675" t="s">
        <v>172</v>
      </c>
      <c r="M21" s="672"/>
      <c r="N21" s="672"/>
      <c r="O21" s="677"/>
      <c r="P21" s="678"/>
      <c r="Q21" s="678"/>
      <c r="R21" s="889"/>
      <c r="S21" s="889"/>
      <c r="T21" s="890"/>
      <c r="U21" s="889"/>
      <c r="V21" s="679"/>
      <c r="W21" s="452"/>
      <c r="X21" s="452"/>
      <c r="Y21" s="452"/>
      <c r="Z21" s="452"/>
      <c r="AA21" s="452"/>
      <c r="AB21" s="452"/>
      <c r="AC21" s="452"/>
      <c r="AD21" s="452"/>
      <c r="AE21" s="452"/>
      <c r="AF21" s="452"/>
      <c r="AG21" s="452"/>
      <c r="AH21" s="452"/>
    </row>
    <row r="22" spans="1:34" ht="15" customHeight="1">
      <c r="A22" s="849" t="s">
        <v>153</v>
      </c>
      <c r="B22" s="850" t="s">
        <v>32</v>
      </c>
      <c r="C22" s="850"/>
      <c r="D22" s="850"/>
      <c r="E22" s="850"/>
      <c r="F22" s="850"/>
      <c r="G22" s="850"/>
      <c r="H22" s="850"/>
      <c r="I22" s="850"/>
      <c r="J22" s="850"/>
      <c r="K22" s="850"/>
      <c r="L22" s="850"/>
      <c r="M22" s="850"/>
      <c r="N22" s="850"/>
      <c r="O22" s="850"/>
      <c r="P22" s="850"/>
      <c r="Q22" s="850"/>
      <c r="R22" s="850"/>
      <c r="S22" s="850"/>
      <c r="T22" s="850"/>
      <c r="U22" s="850"/>
      <c r="V22" s="851"/>
    </row>
    <row r="23" spans="1:34" ht="15" customHeight="1">
      <c r="A23" s="852"/>
      <c r="B23" s="990" t="s">
        <v>33</v>
      </c>
      <c r="C23" s="991"/>
      <c r="D23" s="991"/>
      <c r="E23" s="991"/>
      <c r="F23" s="992"/>
      <c r="G23" s="993" t="s">
        <v>163</v>
      </c>
      <c r="H23" s="994"/>
      <c r="I23" s="994"/>
      <c r="J23" s="995"/>
      <c r="K23" s="755" t="s">
        <v>164</v>
      </c>
      <c r="L23" s="996"/>
      <c r="M23" s="996"/>
      <c r="N23" s="997"/>
      <c r="O23" s="998" t="s">
        <v>190</v>
      </c>
      <c r="P23" s="999"/>
      <c r="Q23" s="999"/>
      <c r="R23" s="1000"/>
      <c r="S23" s="755" t="s">
        <v>165</v>
      </c>
      <c r="T23" s="996"/>
      <c r="U23" s="996"/>
      <c r="V23" s="1001"/>
    </row>
    <row r="24" spans="1:34" ht="15" customHeight="1">
      <c r="A24" s="852"/>
      <c r="B24" s="1002"/>
      <c r="C24" s="1003"/>
      <c r="D24" s="1003"/>
      <c r="E24" s="1003"/>
      <c r="F24" s="1004"/>
      <c r="G24" s="755" t="s">
        <v>41</v>
      </c>
      <c r="H24" s="997"/>
      <c r="I24" s="755" t="s">
        <v>42</v>
      </c>
      <c r="J24" s="997"/>
      <c r="K24" s="755" t="s">
        <v>41</v>
      </c>
      <c r="L24" s="997"/>
      <c r="M24" s="755" t="s">
        <v>42</v>
      </c>
      <c r="N24" s="997"/>
      <c r="O24" s="755" t="s">
        <v>41</v>
      </c>
      <c r="P24" s="997"/>
      <c r="Q24" s="755" t="s">
        <v>42</v>
      </c>
      <c r="R24" s="997"/>
      <c r="S24" s="755" t="s">
        <v>41</v>
      </c>
      <c r="T24" s="997"/>
      <c r="U24" s="755" t="s">
        <v>42</v>
      </c>
      <c r="V24" s="1001"/>
    </row>
    <row r="25" spans="1:34" ht="15" customHeight="1">
      <c r="A25" s="852"/>
      <c r="B25" s="1005"/>
      <c r="C25" s="755" t="s">
        <v>86</v>
      </c>
      <c r="D25" s="996"/>
      <c r="E25" s="996"/>
      <c r="F25" s="997"/>
      <c r="G25" s="755"/>
      <c r="H25" s="997"/>
      <c r="I25" s="755"/>
      <c r="J25" s="997"/>
      <c r="K25" s="755"/>
      <c r="L25" s="997"/>
      <c r="M25" s="755"/>
      <c r="N25" s="997"/>
      <c r="O25" s="755"/>
      <c r="P25" s="997"/>
      <c r="Q25" s="755"/>
      <c r="R25" s="997"/>
      <c r="S25" s="755"/>
      <c r="T25" s="997"/>
      <c r="U25" s="755"/>
      <c r="V25" s="1001"/>
    </row>
    <row r="26" spans="1:34" ht="15" customHeight="1">
      <c r="A26" s="852"/>
      <c r="B26" s="1006"/>
      <c r="C26" s="1007" t="s">
        <v>46</v>
      </c>
      <c r="D26" s="996"/>
      <c r="E26" s="996"/>
      <c r="F26" s="997"/>
      <c r="G26" s="755"/>
      <c r="H26" s="997"/>
      <c r="I26" s="755"/>
      <c r="J26" s="997"/>
      <c r="K26" s="755"/>
      <c r="L26" s="997"/>
      <c r="M26" s="755"/>
      <c r="N26" s="997"/>
      <c r="O26" s="755"/>
      <c r="P26" s="997"/>
      <c r="Q26" s="755"/>
      <c r="R26" s="997"/>
      <c r="S26" s="755"/>
      <c r="T26" s="997"/>
      <c r="U26" s="755"/>
      <c r="V26" s="1001"/>
    </row>
    <row r="27" spans="1:34" ht="15" customHeight="1">
      <c r="A27" s="852"/>
      <c r="B27" s="1002"/>
      <c r="C27" s="991"/>
      <c r="D27" s="991"/>
      <c r="E27" s="991"/>
      <c r="F27" s="992"/>
      <c r="G27" s="1008" t="s">
        <v>191</v>
      </c>
      <c r="H27" s="1008"/>
      <c r="I27" s="1008"/>
      <c r="J27" s="1008"/>
      <c r="K27" s="57" t="s">
        <v>192</v>
      </c>
      <c r="L27" s="58"/>
      <c r="M27" s="58"/>
      <c r="N27" s="59"/>
      <c r="O27" s="57" t="s">
        <v>193</v>
      </c>
      <c r="P27" s="58"/>
      <c r="Q27" s="58"/>
      <c r="R27" s="59"/>
      <c r="S27" s="57" t="s">
        <v>194</v>
      </c>
      <c r="T27" s="58"/>
      <c r="U27" s="58"/>
      <c r="V27" s="59"/>
    </row>
    <row r="28" spans="1:34" ht="15" customHeight="1">
      <c r="A28" s="852"/>
      <c r="B28" s="1002"/>
      <c r="C28" s="1003"/>
      <c r="D28" s="1003"/>
      <c r="E28" s="1003"/>
      <c r="F28" s="1004"/>
      <c r="G28" s="1009" t="s">
        <v>44</v>
      </c>
      <c r="H28" s="1009"/>
      <c r="I28" s="57" t="s">
        <v>43</v>
      </c>
      <c r="J28" s="58"/>
      <c r="K28" s="755" t="s">
        <v>41</v>
      </c>
      <c r="L28" s="997"/>
      <c r="M28" s="755" t="s">
        <v>42</v>
      </c>
      <c r="N28" s="997"/>
      <c r="O28" s="755" t="s">
        <v>41</v>
      </c>
      <c r="P28" s="997"/>
      <c r="Q28" s="755" t="s">
        <v>42</v>
      </c>
      <c r="R28" s="997"/>
      <c r="S28" s="755" t="s">
        <v>41</v>
      </c>
      <c r="T28" s="997"/>
      <c r="U28" s="755" t="s">
        <v>42</v>
      </c>
      <c r="V28" s="1001"/>
    </row>
    <row r="29" spans="1:34" ht="15" customHeight="1">
      <c r="A29" s="852"/>
      <c r="B29" s="1005"/>
      <c r="C29" s="755" t="s">
        <v>86</v>
      </c>
      <c r="D29" s="996"/>
      <c r="E29" s="996"/>
      <c r="F29" s="997"/>
      <c r="G29" s="1009"/>
      <c r="H29" s="1009"/>
      <c r="I29" s="57"/>
      <c r="J29" s="58"/>
      <c r="K29" s="755"/>
      <c r="L29" s="997"/>
      <c r="M29" s="755"/>
      <c r="N29" s="997"/>
      <c r="O29" s="755"/>
      <c r="P29" s="997"/>
      <c r="Q29" s="755"/>
      <c r="R29" s="997"/>
      <c r="S29" s="755"/>
      <c r="T29" s="997"/>
      <c r="U29" s="755"/>
      <c r="V29" s="1001"/>
    </row>
    <row r="30" spans="1:34" ht="15" customHeight="1">
      <c r="A30" s="852"/>
      <c r="B30" s="1010"/>
      <c r="C30" s="1007" t="s">
        <v>46</v>
      </c>
      <c r="D30" s="996"/>
      <c r="E30" s="996"/>
      <c r="F30" s="997"/>
      <c r="G30" s="1009"/>
      <c r="H30" s="1009"/>
      <c r="I30" s="57"/>
      <c r="J30" s="58"/>
      <c r="K30" s="755"/>
      <c r="L30" s="997"/>
      <c r="M30" s="755"/>
      <c r="N30" s="997"/>
      <c r="O30" s="755"/>
      <c r="P30" s="997"/>
      <c r="Q30" s="755"/>
      <c r="R30" s="997"/>
      <c r="S30" s="755"/>
      <c r="T30" s="997"/>
      <c r="U30" s="755"/>
      <c r="V30" s="1001"/>
    </row>
    <row r="31" spans="1:34" s="618" customFormat="1" ht="15" customHeight="1">
      <c r="A31" s="852"/>
      <c r="B31" s="869" t="s">
        <v>166</v>
      </c>
      <c r="C31" s="869"/>
      <c r="D31" s="869"/>
      <c r="E31" s="869"/>
      <c r="F31" s="869"/>
      <c r="G31" s="869"/>
      <c r="H31" s="869"/>
      <c r="I31" s="869"/>
      <c r="J31" s="869"/>
      <c r="K31" s="869"/>
      <c r="L31" s="869"/>
      <c r="M31" s="869"/>
      <c r="N31" s="869"/>
      <c r="O31" s="869"/>
      <c r="P31" s="869"/>
      <c r="Q31" s="869"/>
      <c r="R31" s="869"/>
      <c r="S31" s="869"/>
      <c r="T31" s="869"/>
      <c r="U31" s="869"/>
      <c r="V31" s="870"/>
      <c r="W31" s="452"/>
      <c r="X31" s="452"/>
      <c r="Y31" s="452"/>
      <c r="Z31" s="452"/>
      <c r="AA31" s="452"/>
      <c r="AB31" s="452"/>
      <c r="AC31" s="452"/>
      <c r="AD31" s="452"/>
      <c r="AE31" s="452"/>
      <c r="AF31" s="452"/>
      <c r="AG31" s="452"/>
      <c r="AH31" s="452"/>
    </row>
    <row r="32" spans="1:34" s="618" customFormat="1" ht="16.350000000000001" customHeight="1">
      <c r="A32" s="852"/>
      <c r="B32" s="871" t="s">
        <v>167</v>
      </c>
      <c r="C32" s="871"/>
      <c r="D32" s="871"/>
      <c r="E32" s="871"/>
      <c r="F32" s="872"/>
      <c r="G32" s="649" t="s">
        <v>120</v>
      </c>
      <c r="H32" s="873"/>
      <c r="I32" s="874" t="s">
        <v>121</v>
      </c>
      <c r="J32" s="873"/>
      <c r="K32" s="874" t="s">
        <v>122</v>
      </c>
      <c r="L32" s="873"/>
      <c r="M32" s="874" t="s">
        <v>123</v>
      </c>
      <c r="N32" s="873"/>
      <c r="O32" s="874" t="s">
        <v>124</v>
      </c>
      <c r="P32" s="873"/>
      <c r="Q32" s="874" t="s">
        <v>125</v>
      </c>
      <c r="R32" s="873"/>
      <c r="S32" s="874" t="s">
        <v>126</v>
      </c>
      <c r="T32" s="873"/>
      <c r="U32" s="874" t="s">
        <v>127</v>
      </c>
      <c r="V32" s="875"/>
      <c r="W32" s="452"/>
      <c r="X32" s="452"/>
      <c r="Y32" s="452"/>
      <c r="Z32" s="452"/>
      <c r="AA32" s="452"/>
      <c r="AB32" s="452"/>
      <c r="AC32" s="452"/>
      <c r="AD32" s="452"/>
      <c r="AE32" s="452"/>
      <c r="AF32" s="452"/>
      <c r="AG32" s="452"/>
      <c r="AH32" s="452"/>
    </row>
    <row r="33" spans="1:34" s="618" customFormat="1" ht="15.6" customHeight="1">
      <c r="A33" s="852"/>
      <c r="B33" s="876"/>
      <c r="C33" s="876"/>
      <c r="D33" s="876"/>
      <c r="E33" s="876"/>
      <c r="F33" s="877"/>
      <c r="G33" s="874"/>
      <c r="H33" s="873"/>
      <c r="I33" s="874"/>
      <c r="J33" s="873"/>
      <c r="K33" s="874"/>
      <c r="L33" s="873"/>
      <c r="M33" s="874"/>
      <c r="N33" s="873"/>
      <c r="O33" s="874"/>
      <c r="P33" s="873"/>
      <c r="Q33" s="874"/>
      <c r="R33" s="873"/>
      <c r="S33" s="874"/>
      <c r="T33" s="873"/>
      <c r="U33" s="874"/>
      <c r="V33" s="875"/>
      <c r="W33" s="452"/>
      <c r="X33" s="452"/>
      <c r="Y33" s="452"/>
      <c r="Z33" s="452"/>
      <c r="AA33" s="452"/>
      <c r="AB33" s="452"/>
      <c r="AC33" s="452"/>
      <c r="AD33" s="452"/>
      <c r="AE33" s="452"/>
      <c r="AF33" s="452"/>
      <c r="AG33" s="452"/>
      <c r="AH33" s="452"/>
    </row>
    <row r="34" spans="1:34" s="618" customFormat="1" ht="15.6" customHeight="1">
      <c r="A34" s="852"/>
      <c r="B34" s="878"/>
      <c r="C34" s="878"/>
      <c r="D34" s="878"/>
      <c r="E34" s="878"/>
      <c r="F34" s="879"/>
      <c r="G34" s="874" t="s">
        <v>128</v>
      </c>
      <c r="H34" s="649"/>
      <c r="I34" s="649"/>
      <c r="J34" s="649"/>
      <c r="K34" s="649"/>
      <c r="L34" s="873"/>
      <c r="M34" s="880"/>
      <c r="N34" s="881"/>
      <c r="O34" s="881"/>
      <c r="P34" s="881"/>
      <c r="Q34" s="881"/>
      <c r="R34" s="881"/>
      <c r="S34" s="881"/>
      <c r="T34" s="881"/>
      <c r="U34" s="881"/>
      <c r="V34" s="882"/>
      <c r="W34" s="452"/>
      <c r="X34" s="452"/>
      <c r="Y34" s="452"/>
      <c r="Z34" s="452"/>
      <c r="AA34" s="452"/>
      <c r="AB34" s="452"/>
      <c r="AC34" s="452"/>
      <c r="AD34" s="452"/>
      <c r="AE34" s="452"/>
      <c r="AF34" s="452"/>
      <c r="AG34" s="452"/>
      <c r="AH34" s="452"/>
    </row>
    <row r="35" spans="1:34" s="618" customFormat="1" ht="15.95" customHeight="1">
      <c r="A35" s="852"/>
      <c r="B35" s="200" t="s">
        <v>168</v>
      </c>
      <c r="C35" s="883"/>
      <c r="D35" s="883"/>
      <c r="E35" s="883"/>
      <c r="F35" s="234"/>
      <c r="G35" s="233"/>
      <c r="H35" s="883"/>
      <c r="I35" s="883" t="s">
        <v>130</v>
      </c>
      <c r="J35" s="883"/>
      <c r="K35" s="659"/>
      <c r="L35" s="659"/>
      <c r="M35" s="883" t="s">
        <v>169</v>
      </c>
      <c r="N35" s="883"/>
      <c r="O35" s="883"/>
      <c r="P35" s="883"/>
      <c r="Q35" s="883" t="s">
        <v>130</v>
      </c>
      <c r="R35" s="883"/>
      <c r="S35" s="236"/>
      <c r="T35" s="236"/>
      <c r="U35" s="236"/>
      <c r="V35" s="240"/>
      <c r="W35" s="452"/>
      <c r="X35" s="452"/>
      <c r="Y35" s="452"/>
      <c r="Z35" s="452"/>
      <c r="AA35" s="452"/>
      <c r="AB35" s="452"/>
      <c r="AC35" s="452"/>
      <c r="AD35" s="452"/>
      <c r="AE35" s="452"/>
      <c r="AF35" s="452"/>
      <c r="AG35" s="452"/>
      <c r="AH35" s="452"/>
    </row>
    <row r="36" spans="1:34" s="618" customFormat="1" ht="15.95" customHeight="1">
      <c r="A36" s="852"/>
      <c r="B36" s="884"/>
      <c r="C36" s="663" t="s">
        <v>132</v>
      </c>
      <c r="D36" s="202"/>
      <c r="E36" s="233" t="s">
        <v>170</v>
      </c>
      <c r="F36" s="234"/>
      <c r="G36" s="233"/>
      <c r="H36" s="883"/>
      <c r="I36" s="883" t="s">
        <v>130</v>
      </c>
      <c r="J36" s="883"/>
      <c r="K36" s="659"/>
      <c r="L36" s="659"/>
      <c r="M36" s="883" t="s">
        <v>169</v>
      </c>
      <c r="N36" s="883"/>
      <c r="O36" s="883"/>
      <c r="P36" s="883"/>
      <c r="Q36" s="883" t="s">
        <v>130</v>
      </c>
      <c r="R36" s="883"/>
      <c r="S36" s="236"/>
      <c r="T36" s="236"/>
      <c r="U36" s="236"/>
      <c r="V36" s="240"/>
      <c r="W36" s="452"/>
      <c r="X36" s="452"/>
      <c r="Y36" s="452"/>
      <c r="Z36" s="452"/>
      <c r="AA36" s="452"/>
      <c r="AB36" s="452"/>
      <c r="AC36" s="452"/>
      <c r="AD36" s="452"/>
      <c r="AE36" s="452"/>
      <c r="AF36" s="452"/>
      <c r="AG36" s="452"/>
      <c r="AH36" s="452"/>
    </row>
    <row r="37" spans="1:34" s="618" customFormat="1" ht="15.95" customHeight="1">
      <c r="A37" s="852"/>
      <c r="B37" s="885"/>
      <c r="C37" s="631"/>
      <c r="D37" s="182"/>
      <c r="E37" s="233" t="s">
        <v>134</v>
      </c>
      <c r="F37" s="234"/>
      <c r="G37" s="233"/>
      <c r="H37" s="883"/>
      <c r="I37" s="883" t="s">
        <v>130</v>
      </c>
      <c r="J37" s="883"/>
      <c r="K37" s="659"/>
      <c r="L37" s="659"/>
      <c r="M37" s="883" t="s">
        <v>169</v>
      </c>
      <c r="N37" s="883"/>
      <c r="O37" s="883"/>
      <c r="P37" s="883"/>
      <c r="Q37" s="883" t="s">
        <v>130</v>
      </c>
      <c r="R37" s="883"/>
      <c r="S37" s="236"/>
      <c r="T37" s="236"/>
      <c r="U37" s="236"/>
      <c r="V37" s="240"/>
      <c r="W37" s="452"/>
      <c r="X37" s="452"/>
      <c r="Y37" s="452"/>
      <c r="Z37" s="452"/>
      <c r="AA37" s="452"/>
      <c r="AB37" s="452"/>
      <c r="AC37" s="452"/>
      <c r="AD37" s="452"/>
      <c r="AE37" s="452"/>
      <c r="AF37" s="452"/>
      <c r="AG37" s="452"/>
      <c r="AH37" s="452"/>
    </row>
    <row r="38" spans="1:34" s="618" customFormat="1" ht="15.95" customHeight="1">
      <c r="A38" s="852"/>
      <c r="B38" s="886"/>
      <c r="C38" s="646"/>
      <c r="D38" s="195"/>
      <c r="E38" s="233" t="s">
        <v>135</v>
      </c>
      <c r="F38" s="234"/>
      <c r="G38" s="233"/>
      <c r="H38" s="883"/>
      <c r="I38" s="883" t="s">
        <v>130</v>
      </c>
      <c r="J38" s="883"/>
      <c r="K38" s="659"/>
      <c r="L38" s="659"/>
      <c r="M38" s="883" t="s">
        <v>169</v>
      </c>
      <c r="N38" s="883"/>
      <c r="O38" s="883"/>
      <c r="P38" s="883"/>
      <c r="Q38" s="883" t="s">
        <v>130</v>
      </c>
      <c r="R38" s="883"/>
      <c r="S38" s="236"/>
      <c r="T38" s="236"/>
      <c r="U38" s="236"/>
      <c r="V38" s="240"/>
      <c r="W38" s="452"/>
      <c r="X38" s="452"/>
      <c r="Y38" s="452"/>
      <c r="Z38" s="452"/>
      <c r="AA38" s="452"/>
      <c r="AB38" s="452"/>
      <c r="AC38" s="452"/>
      <c r="AD38" s="452"/>
      <c r="AE38" s="452"/>
      <c r="AF38" s="452"/>
      <c r="AG38" s="452"/>
      <c r="AH38" s="452"/>
    </row>
    <row r="39" spans="1:34" s="618" customFormat="1" ht="16.350000000000001" customHeight="1">
      <c r="A39" s="852"/>
      <c r="B39" s="201" t="s">
        <v>136</v>
      </c>
      <c r="C39" s="201"/>
      <c r="D39" s="201"/>
      <c r="E39" s="201"/>
      <c r="F39" s="202"/>
      <c r="G39" s="233"/>
      <c r="H39" s="883"/>
      <c r="I39" s="883" t="s">
        <v>130</v>
      </c>
      <c r="J39" s="883"/>
      <c r="K39" s="659"/>
      <c r="L39" s="659"/>
      <c r="M39" s="883" t="s">
        <v>169</v>
      </c>
      <c r="N39" s="883"/>
      <c r="O39" s="883"/>
      <c r="P39" s="883"/>
      <c r="Q39" s="883" t="s">
        <v>130</v>
      </c>
      <c r="R39" s="883"/>
      <c r="S39" s="236"/>
      <c r="T39" s="236"/>
      <c r="U39" s="236"/>
      <c r="V39" s="240"/>
      <c r="W39" s="452"/>
      <c r="X39" s="452"/>
      <c r="Y39" s="452"/>
      <c r="Z39" s="452"/>
      <c r="AA39" s="452"/>
      <c r="AB39" s="452"/>
      <c r="AC39" s="452"/>
      <c r="AD39" s="452"/>
      <c r="AE39" s="452"/>
      <c r="AF39" s="452"/>
      <c r="AG39" s="452"/>
      <c r="AH39" s="452"/>
    </row>
    <row r="40" spans="1:34" s="618" customFormat="1" ht="16.350000000000001" customHeight="1" thickBot="1">
      <c r="A40" s="852"/>
      <c r="B40" s="887" t="s">
        <v>137</v>
      </c>
      <c r="C40" s="672"/>
      <c r="D40" s="672"/>
      <c r="E40" s="672"/>
      <c r="F40" s="244"/>
      <c r="G40" s="673"/>
      <c r="H40" s="674"/>
      <c r="I40" s="674"/>
      <c r="J40" s="674"/>
      <c r="K40" s="888"/>
      <c r="L40" s="675" t="s">
        <v>172</v>
      </c>
      <c r="M40" s="672"/>
      <c r="N40" s="672"/>
      <c r="O40" s="677"/>
      <c r="P40" s="678"/>
      <c r="Q40" s="678"/>
      <c r="R40" s="889"/>
      <c r="S40" s="889"/>
      <c r="T40" s="890"/>
      <c r="U40" s="889"/>
      <c r="V40" s="679"/>
      <c r="W40" s="452"/>
      <c r="X40" s="452"/>
      <c r="Y40" s="452"/>
      <c r="Z40" s="452"/>
      <c r="AA40" s="452"/>
      <c r="AB40" s="452"/>
      <c r="AC40" s="452"/>
      <c r="AD40" s="452"/>
      <c r="AE40" s="452"/>
      <c r="AF40" s="452"/>
      <c r="AG40" s="452"/>
      <c r="AH40" s="452"/>
    </row>
    <row r="41" spans="1:34" ht="15" customHeight="1">
      <c r="A41" s="849" t="s">
        <v>154</v>
      </c>
      <c r="B41" s="850" t="s">
        <v>32</v>
      </c>
      <c r="C41" s="850"/>
      <c r="D41" s="850"/>
      <c r="E41" s="850"/>
      <c r="F41" s="850"/>
      <c r="G41" s="850"/>
      <c r="H41" s="850"/>
      <c r="I41" s="850"/>
      <c r="J41" s="850"/>
      <c r="K41" s="850"/>
      <c r="L41" s="850"/>
      <c r="M41" s="850"/>
      <c r="N41" s="850"/>
      <c r="O41" s="850"/>
      <c r="P41" s="850"/>
      <c r="Q41" s="850"/>
      <c r="R41" s="850"/>
      <c r="S41" s="850"/>
      <c r="T41" s="850"/>
      <c r="U41" s="850"/>
      <c r="V41" s="851"/>
    </row>
    <row r="42" spans="1:34" ht="15" customHeight="1">
      <c r="A42" s="852"/>
      <c r="B42" s="990" t="s">
        <v>33</v>
      </c>
      <c r="C42" s="991"/>
      <c r="D42" s="991"/>
      <c r="E42" s="991"/>
      <c r="F42" s="992"/>
      <c r="G42" s="993" t="s">
        <v>163</v>
      </c>
      <c r="H42" s="994"/>
      <c r="I42" s="994"/>
      <c r="J42" s="995"/>
      <c r="K42" s="755" t="s">
        <v>164</v>
      </c>
      <c r="L42" s="996"/>
      <c r="M42" s="996"/>
      <c r="N42" s="997"/>
      <c r="O42" s="998" t="s">
        <v>190</v>
      </c>
      <c r="P42" s="999"/>
      <c r="Q42" s="999"/>
      <c r="R42" s="1000"/>
      <c r="S42" s="755" t="s">
        <v>165</v>
      </c>
      <c r="T42" s="996"/>
      <c r="U42" s="996"/>
      <c r="V42" s="1001"/>
    </row>
    <row r="43" spans="1:34" ht="15" customHeight="1">
      <c r="A43" s="852"/>
      <c r="B43" s="1002"/>
      <c r="C43" s="1003"/>
      <c r="D43" s="1003"/>
      <c r="E43" s="1003"/>
      <c r="F43" s="1004"/>
      <c r="G43" s="755" t="s">
        <v>41</v>
      </c>
      <c r="H43" s="997"/>
      <c r="I43" s="755" t="s">
        <v>42</v>
      </c>
      <c r="J43" s="997"/>
      <c r="K43" s="755" t="s">
        <v>41</v>
      </c>
      <c r="L43" s="997"/>
      <c r="M43" s="755" t="s">
        <v>42</v>
      </c>
      <c r="N43" s="997"/>
      <c r="O43" s="755" t="s">
        <v>41</v>
      </c>
      <c r="P43" s="997"/>
      <c r="Q43" s="755" t="s">
        <v>42</v>
      </c>
      <c r="R43" s="997"/>
      <c r="S43" s="755" t="s">
        <v>41</v>
      </c>
      <c r="T43" s="997"/>
      <c r="U43" s="755" t="s">
        <v>42</v>
      </c>
      <c r="V43" s="1001"/>
    </row>
    <row r="44" spans="1:34" ht="15" customHeight="1">
      <c r="A44" s="852"/>
      <c r="B44" s="1005"/>
      <c r="C44" s="755" t="s">
        <v>86</v>
      </c>
      <c r="D44" s="996"/>
      <c r="E44" s="996"/>
      <c r="F44" s="997"/>
      <c r="G44" s="755"/>
      <c r="H44" s="997"/>
      <c r="I44" s="755"/>
      <c r="J44" s="997"/>
      <c r="K44" s="755"/>
      <c r="L44" s="997"/>
      <c r="M44" s="755"/>
      <c r="N44" s="997"/>
      <c r="O44" s="755"/>
      <c r="P44" s="997"/>
      <c r="Q44" s="755"/>
      <c r="R44" s="997"/>
      <c r="S44" s="755"/>
      <c r="T44" s="997"/>
      <c r="U44" s="755"/>
      <c r="V44" s="1001"/>
    </row>
    <row r="45" spans="1:34" ht="15" customHeight="1">
      <c r="A45" s="852"/>
      <c r="B45" s="1006"/>
      <c r="C45" s="1007" t="s">
        <v>46</v>
      </c>
      <c r="D45" s="996"/>
      <c r="E45" s="996"/>
      <c r="F45" s="997"/>
      <c r="G45" s="755"/>
      <c r="H45" s="997"/>
      <c r="I45" s="755"/>
      <c r="J45" s="997"/>
      <c r="K45" s="755"/>
      <c r="L45" s="997"/>
      <c r="M45" s="755"/>
      <c r="N45" s="997"/>
      <c r="O45" s="755"/>
      <c r="P45" s="997"/>
      <c r="Q45" s="755"/>
      <c r="R45" s="997"/>
      <c r="S45" s="755"/>
      <c r="T45" s="997"/>
      <c r="U45" s="755"/>
      <c r="V45" s="1001"/>
    </row>
    <row r="46" spans="1:34" ht="15" customHeight="1">
      <c r="A46" s="852"/>
      <c r="B46" s="1002"/>
      <c r="C46" s="991"/>
      <c r="D46" s="991"/>
      <c r="E46" s="991"/>
      <c r="F46" s="992"/>
      <c r="G46" s="1008" t="s">
        <v>191</v>
      </c>
      <c r="H46" s="1008"/>
      <c r="I46" s="1008"/>
      <c r="J46" s="1008"/>
      <c r="K46" s="57" t="s">
        <v>192</v>
      </c>
      <c r="L46" s="58"/>
      <c r="M46" s="58"/>
      <c r="N46" s="59"/>
      <c r="O46" s="57" t="s">
        <v>193</v>
      </c>
      <c r="P46" s="58"/>
      <c r="Q46" s="58"/>
      <c r="R46" s="59"/>
      <c r="S46" s="57" t="s">
        <v>194</v>
      </c>
      <c r="T46" s="58"/>
      <c r="U46" s="58"/>
      <c r="V46" s="59"/>
    </row>
    <row r="47" spans="1:34" ht="15" customHeight="1">
      <c r="A47" s="852"/>
      <c r="B47" s="1002"/>
      <c r="C47" s="1003"/>
      <c r="D47" s="1003"/>
      <c r="E47" s="1003"/>
      <c r="F47" s="1004"/>
      <c r="G47" s="1009" t="s">
        <v>44</v>
      </c>
      <c r="H47" s="1009"/>
      <c r="I47" s="57" t="s">
        <v>43</v>
      </c>
      <c r="J47" s="58"/>
      <c r="K47" s="755" t="s">
        <v>41</v>
      </c>
      <c r="L47" s="997"/>
      <c r="M47" s="755" t="s">
        <v>42</v>
      </c>
      <c r="N47" s="997"/>
      <c r="O47" s="755" t="s">
        <v>41</v>
      </c>
      <c r="P47" s="997"/>
      <c r="Q47" s="755" t="s">
        <v>42</v>
      </c>
      <c r="R47" s="997"/>
      <c r="S47" s="755" t="s">
        <v>41</v>
      </c>
      <c r="T47" s="997"/>
      <c r="U47" s="755" t="s">
        <v>42</v>
      </c>
      <c r="V47" s="1001"/>
    </row>
    <row r="48" spans="1:34" ht="15" customHeight="1">
      <c r="A48" s="852"/>
      <c r="B48" s="1005"/>
      <c r="C48" s="755" t="s">
        <v>86</v>
      </c>
      <c r="D48" s="996"/>
      <c r="E48" s="996"/>
      <c r="F48" s="997"/>
      <c r="G48" s="1009"/>
      <c r="H48" s="1009"/>
      <c r="I48" s="57"/>
      <c r="J48" s="58"/>
      <c r="K48" s="755"/>
      <c r="L48" s="997"/>
      <c r="M48" s="755"/>
      <c r="N48" s="997"/>
      <c r="O48" s="755"/>
      <c r="P48" s="997"/>
      <c r="Q48" s="755"/>
      <c r="R48" s="997"/>
      <c r="S48" s="755"/>
      <c r="T48" s="997"/>
      <c r="U48" s="755"/>
      <c r="V48" s="1001"/>
    </row>
    <row r="49" spans="1:34" ht="15" customHeight="1">
      <c r="A49" s="852"/>
      <c r="B49" s="1010"/>
      <c r="C49" s="1007" t="s">
        <v>46</v>
      </c>
      <c r="D49" s="996"/>
      <c r="E49" s="996"/>
      <c r="F49" s="997"/>
      <c r="G49" s="1009"/>
      <c r="H49" s="1009"/>
      <c r="I49" s="57"/>
      <c r="J49" s="58"/>
      <c r="K49" s="755"/>
      <c r="L49" s="997"/>
      <c r="M49" s="755"/>
      <c r="N49" s="997"/>
      <c r="O49" s="755"/>
      <c r="P49" s="997"/>
      <c r="Q49" s="755"/>
      <c r="R49" s="997"/>
      <c r="S49" s="755"/>
      <c r="T49" s="997"/>
      <c r="U49" s="755"/>
      <c r="V49" s="1001"/>
    </row>
    <row r="50" spans="1:34" s="618" customFormat="1" ht="15" customHeight="1">
      <c r="A50" s="852"/>
      <c r="B50" s="869" t="s">
        <v>166</v>
      </c>
      <c r="C50" s="869"/>
      <c r="D50" s="869"/>
      <c r="E50" s="869"/>
      <c r="F50" s="869"/>
      <c r="G50" s="869"/>
      <c r="H50" s="869"/>
      <c r="I50" s="869"/>
      <c r="J50" s="869"/>
      <c r="K50" s="869"/>
      <c r="L50" s="869"/>
      <c r="M50" s="869"/>
      <c r="N50" s="869"/>
      <c r="O50" s="869"/>
      <c r="P50" s="869"/>
      <c r="Q50" s="869"/>
      <c r="R50" s="869"/>
      <c r="S50" s="869"/>
      <c r="T50" s="869"/>
      <c r="U50" s="869"/>
      <c r="V50" s="870"/>
      <c r="W50" s="452"/>
      <c r="X50" s="452"/>
      <c r="Y50" s="452"/>
      <c r="Z50" s="452"/>
      <c r="AA50" s="452"/>
      <c r="AB50" s="452"/>
      <c r="AC50" s="452"/>
      <c r="AD50" s="452"/>
      <c r="AE50" s="452"/>
      <c r="AF50" s="452"/>
      <c r="AG50" s="452"/>
      <c r="AH50" s="452"/>
    </row>
    <row r="51" spans="1:34" s="618" customFormat="1" ht="16.350000000000001" customHeight="1">
      <c r="A51" s="852"/>
      <c r="B51" s="871" t="s">
        <v>167</v>
      </c>
      <c r="C51" s="871"/>
      <c r="D51" s="871"/>
      <c r="E51" s="871"/>
      <c r="F51" s="872"/>
      <c r="G51" s="649" t="s">
        <v>120</v>
      </c>
      <c r="H51" s="873"/>
      <c r="I51" s="874" t="s">
        <v>121</v>
      </c>
      <c r="J51" s="873"/>
      <c r="K51" s="874" t="s">
        <v>122</v>
      </c>
      <c r="L51" s="873"/>
      <c r="M51" s="874" t="s">
        <v>123</v>
      </c>
      <c r="N51" s="873"/>
      <c r="O51" s="874" t="s">
        <v>124</v>
      </c>
      <c r="P51" s="873"/>
      <c r="Q51" s="874" t="s">
        <v>125</v>
      </c>
      <c r="R51" s="873"/>
      <c r="S51" s="874" t="s">
        <v>126</v>
      </c>
      <c r="T51" s="873"/>
      <c r="U51" s="874" t="s">
        <v>127</v>
      </c>
      <c r="V51" s="875"/>
      <c r="W51" s="452"/>
      <c r="X51" s="452"/>
      <c r="Y51" s="452"/>
      <c r="Z51" s="452"/>
      <c r="AA51" s="452"/>
      <c r="AB51" s="452"/>
      <c r="AC51" s="452"/>
      <c r="AD51" s="452"/>
      <c r="AE51" s="452"/>
      <c r="AF51" s="452"/>
      <c r="AG51" s="452"/>
      <c r="AH51" s="452"/>
    </row>
    <row r="52" spans="1:34" s="618" customFormat="1" ht="15.6" customHeight="1">
      <c r="A52" s="852"/>
      <c r="B52" s="876"/>
      <c r="C52" s="876"/>
      <c r="D52" s="876"/>
      <c r="E52" s="876"/>
      <c r="F52" s="877"/>
      <c r="G52" s="874"/>
      <c r="H52" s="873"/>
      <c r="I52" s="874"/>
      <c r="J52" s="873"/>
      <c r="K52" s="874"/>
      <c r="L52" s="873"/>
      <c r="M52" s="874"/>
      <c r="N52" s="873"/>
      <c r="O52" s="874"/>
      <c r="P52" s="873"/>
      <c r="Q52" s="874"/>
      <c r="R52" s="873"/>
      <c r="S52" s="874"/>
      <c r="T52" s="873"/>
      <c r="U52" s="874"/>
      <c r="V52" s="875"/>
      <c r="W52" s="452"/>
      <c r="X52" s="452"/>
      <c r="Y52" s="452"/>
      <c r="Z52" s="452"/>
      <c r="AA52" s="452"/>
      <c r="AB52" s="452"/>
      <c r="AC52" s="452"/>
      <c r="AD52" s="452"/>
      <c r="AE52" s="452"/>
      <c r="AF52" s="452"/>
      <c r="AG52" s="452"/>
      <c r="AH52" s="452"/>
    </row>
    <row r="53" spans="1:34" s="618" customFormat="1" ht="15.6" customHeight="1">
      <c r="A53" s="852"/>
      <c r="B53" s="878"/>
      <c r="C53" s="878"/>
      <c r="D53" s="878"/>
      <c r="E53" s="878"/>
      <c r="F53" s="879"/>
      <c r="G53" s="874" t="s">
        <v>128</v>
      </c>
      <c r="H53" s="649"/>
      <c r="I53" s="649"/>
      <c r="J53" s="649"/>
      <c r="K53" s="649"/>
      <c r="L53" s="873"/>
      <c r="M53" s="880"/>
      <c r="N53" s="881"/>
      <c r="O53" s="881"/>
      <c r="P53" s="881"/>
      <c r="Q53" s="881"/>
      <c r="R53" s="881"/>
      <c r="S53" s="881"/>
      <c r="T53" s="881"/>
      <c r="U53" s="881"/>
      <c r="V53" s="882"/>
      <c r="W53" s="452"/>
      <c r="X53" s="452"/>
      <c r="Y53" s="452"/>
      <c r="Z53" s="452"/>
      <c r="AA53" s="452"/>
      <c r="AB53" s="452"/>
      <c r="AC53" s="452"/>
      <c r="AD53" s="452"/>
      <c r="AE53" s="452"/>
      <c r="AF53" s="452"/>
      <c r="AG53" s="452"/>
      <c r="AH53" s="452"/>
    </row>
    <row r="54" spans="1:34" s="618" customFormat="1" ht="15.95" customHeight="1">
      <c r="A54" s="852"/>
      <c r="B54" s="200" t="s">
        <v>168</v>
      </c>
      <c r="C54" s="883"/>
      <c r="D54" s="883"/>
      <c r="E54" s="883"/>
      <c r="F54" s="234"/>
      <c r="G54" s="233"/>
      <c r="H54" s="883"/>
      <c r="I54" s="883" t="s">
        <v>130</v>
      </c>
      <c r="J54" s="883"/>
      <c r="K54" s="659"/>
      <c r="L54" s="659"/>
      <c r="M54" s="883" t="s">
        <v>169</v>
      </c>
      <c r="N54" s="883"/>
      <c r="O54" s="883"/>
      <c r="P54" s="883"/>
      <c r="Q54" s="883" t="s">
        <v>130</v>
      </c>
      <c r="R54" s="883"/>
      <c r="S54" s="236"/>
      <c r="T54" s="236"/>
      <c r="U54" s="236"/>
      <c r="V54" s="240"/>
      <c r="W54" s="452"/>
      <c r="X54" s="452"/>
      <c r="Y54" s="452"/>
      <c r="Z54" s="452"/>
      <c r="AA54" s="452"/>
      <c r="AB54" s="452"/>
      <c r="AC54" s="452"/>
      <c r="AD54" s="452"/>
      <c r="AE54" s="452"/>
      <c r="AF54" s="452"/>
      <c r="AG54" s="452"/>
      <c r="AH54" s="452"/>
    </row>
    <row r="55" spans="1:34" s="618" customFormat="1" ht="15.95" customHeight="1">
      <c r="A55" s="852"/>
      <c r="B55" s="884"/>
      <c r="C55" s="663" t="s">
        <v>132</v>
      </c>
      <c r="D55" s="202"/>
      <c r="E55" s="233" t="s">
        <v>170</v>
      </c>
      <c r="F55" s="234"/>
      <c r="G55" s="233"/>
      <c r="H55" s="883"/>
      <c r="I55" s="883" t="s">
        <v>130</v>
      </c>
      <c r="J55" s="883"/>
      <c r="K55" s="659"/>
      <c r="L55" s="659"/>
      <c r="M55" s="883" t="s">
        <v>169</v>
      </c>
      <c r="N55" s="883"/>
      <c r="O55" s="883"/>
      <c r="P55" s="883"/>
      <c r="Q55" s="883" t="s">
        <v>130</v>
      </c>
      <c r="R55" s="883"/>
      <c r="S55" s="236"/>
      <c r="T55" s="236"/>
      <c r="U55" s="236"/>
      <c r="V55" s="240"/>
      <c r="W55" s="452"/>
      <c r="X55" s="452"/>
      <c r="Y55" s="452"/>
      <c r="Z55" s="452"/>
      <c r="AA55" s="452"/>
      <c r="AB55" s="452"/>
      <c r="AC55" s="452"/>
      <c r="AD55" s="452"/>
      <c r="AE55" s="452"/>
      <c r="AF55" s="452"/>
      <c r="AG55" s="452"/>
      <c r="AH55" s="452"/>
    </row>
    <row r="56" spans="1:34" s="618" customFormat="1" ht="15.95" customHeight="1">
      <c r="A56" s="852"/>
      <c r="B56" s="885"/>
      <c r="C56" s="631"/>
      <c r="D56" s="182"/>
      <c r="E56" s="233" t="s">
        <v>134</v>
      </c>
      <c r="F56" s="234"/>
      <c r="G56" s="233"/>
      <c r="H56" s="883"/>
      <c r="I56" s="883" t="s">
        <v>130</v>
      </c>
      <c r="J56" s="883"/>
      <c r="K56" s="659"/>
      <c r="L56" s="659"/>
      <c r="M56" s="883" t="s">
        <v>169</v>
      </c>
      <c r="N56" s="883"/>
      <c r="O56" s="883"/>
      <c r="P56" s="883"/>
      <c r="Q56" s="883" t="s">
        <v>130</v>
      </c>
      <c r="R56" s="883"/>
      <c r="S56" s="236"/>
      <c r="T56" s="236"/>
      <c r="U56" s="236"/>
      <c r="V56" s="240"/>
      <c r="W56" s="452"/>
      <c r="X56" s="452"/>
      <c r="Y56" s="452"/>
      <c r="Z56" s="452"/>
      <c r="AA56" s="452"/>
      <c r="AB56" s="452"/>
      <c r="AC56" s="452"/>
      <c r="AD56" s="452"/>
      <c r="AE56" s="452"/>
      <c r="AF56" s="452"/>
      <c r="AG56" s="452"/>
      <c r="AH56" s="452"/>
    </row>
    <row r="57" spans="1:34" s="618" customFormat="1" ht="15.95" customHeight="1">
      <c r="A57" s="852"/>
      <c r="B57" s="886"/>
      <c r="C57" s="646"/>
      <c r="D57" s="195"/>
      <c r="E57" s="233" t="s">
        <v>135</v>
      </c>
      <c r="F57" s="234"/>
      <c r="G57" s="233"/>
      <c r="H57" s="883"/>
      <c r="I57" s="883" t="s">
        <v>130</v>
      </c>
      <c r="J57" s="883"/>
      <c r="K57" s="659"/>
      <c r="L57" s="659"/>
      <c r="M57" s="883" t="s">
        <v>169</v>
      </c>
      <c r="N57" s="883"/>
      <c r="O57" s="883"/>
      <c r="P57" s="883"/>
      <c r="Q57" s="883" t="s">
        <v>130</v>
      </c>
      <c r="R57" s="883"/>
      <c r="S57" s="236"/>
      <c r="T57" s="236"/>
      <c r="U57" s="236"/>
      <c r="V57" s="240"/>
      <c r="W57" s="452"/>
      <c r="X57" s="452"/>
      <c r="Y57" s="452"/>
      <c r="Z57" s="452"/>
      <c r="AA57" s="452"/>
      <c r="AB57" s="452"/>
      <c r="AC57" s="452"/>
      <c r="AD57" s="452"/>
      <c r="AE57" s="452"/>
      <c r="AF57" s="452"/>
      <c r="AG57" s="452"/>
      <c r="AH57" s="452"/>
    </row>
    <row r="58" spans="1:34" s="618" customFormat="1" ht="16.350000000000001" customHeight="1">
      <c r="A58" s="852"/>
      <c r="B58" s="201" t="s">
        <v>136</v>
      </c>
      <c r="C58" s="201"/>
      <c r="D58" s="201"/>
      <c r="E58" s="201"/>
      <c r="F58" s="202"/>
      <c r="G58" s="233"/>
      <c r="H58" s="883"/>
      <c r="I58" s="883" t="s">
        <v>130</v>
      </c>
      <c r="J58" s="883"/>
      <c r="K58" s="659"/>
      <c r="L58" s="659"/>
      <c r="M58" s="883" t="s">
        <v>169</v>
      </c>
      <c r="N58" s="883"/>
      <c r="O58" s="883"/>
      <c r="P58" s="883"/>
      <c r="Q58" s="883" t="s">
        <v>130</v>
      </c>
      <c r="R58" s="883"/>
      <c r="S58" s="236"/>
      <c r="T58" s="236"/>
      <c r="U58" s="236"/>
      <c r="V58" s="240"/>
      <c r="W58" s="452"/>
      <c r="X58" s="452"/>
      <c r="Y58" s="452"/>
      <c r="Z58" s="452"/>
      <c r="AA58" s="452"/>
      <c r="AB58" s="452"/>
      <c r="AC58" s="452"/>
      <c r="AD58" s="452"/>
      <c r="AE58" s="452"/>
      <c r="AF58" s="452"/>
      <c r="AG58" s="452"/>
      <c r="AH58" s="452"/>
    </row>
    <row r="59" spans="1:34" s="618" customFormat="1" ht="16.350000000000001" customHeight="1" thickBot="1">
      <c r="A59" s="891"/>
      <c r="B59" s="887" t="s">
        <v>137</v>
      </c>
      <c r="C59" s="672"/>
      <c r="D59" s="672"/>
      <c r="E59" s="672"/>
      <c r="F59" s="244"/>
      <c r="G59" s="673"/>
      <c r="H59" s="674"/>
      <c r="I59" s="674"/>
      <c r="J59" s="674"/>
      <c r="K59" s="888"/>
      <c r="L59" s="675" t="s">
        <v>172</v>
      </c>
      <c r="M59" s="672"/>
      <c r="N59" s="672"/>
      <c r="O59" s="677"/>
      <c r="P59" s="678"/>
      <c r="Q59" s="678"/>
      <c r="R59" s="889"/>
      <c r="S59" s="889"/>
      <c r="T59" s="890"/>
      <c r="U59" s="889"/>
      <c r="V59" s="679"/>
      <c r="W59" s="452"/>
      <c r="X59" s="452"/>
      <c r="Y59" s="452"/>
      <c r="Z59" s="452"/>
      <c r="AA59" s="452"/>
      <c r="AB59" s="452"/>
      <c r="AC59" s="452"/>
      <c r="AD59" s="452"/>
      <c r="AE59" s="452"/>
      <c r="AF59" s="452"/>
      <c r="AG59" s="452"/>
      <c r="AH59" s="452"/>
    </row>
    <row r="60" spans="1:34" ht="16.5" customHeight="1">
      <c r="A60" s="892"/>
      <c r="B60" s="892"/>
      <c r="C60" s="892"/>
      <c r="D60" s="892"/>
      <c r="E60" s="892"/>
      <c r="F60" s="892"/>
      <c r="G60" s="893"/>
      <c r="H60" s="893"/>
      <c r="I60" s="893"/>
      <c r="J60" s="893"/>
      <c r="K60" s="893"/>
      <c r="L60" s="893"/>
      <c r="M60" s="893"/>
      <c r="N60" s="893"/>
      <c r="O60" s="893"/>
      <c r="P60" s="893"/>
      <c r="Q60" s="893"/>
      <c r="R60" s="893"/>
      <c r="S60" s="893"/>
      <c r="T60" s="893"/>
      <c r="U60" s="893"/>
      <c r="V60" s="893"/>
    </row>
    <row r="61" spans="1:34" ht="16.5" customHeight="1">
      <c r="A61" s="892"/>
      <c r="B61" s="892"/>
      <c r="C61" s="892"/>
      <c r="D61" s="892"/>
      <c r="E61" s="892"/>
      <c r="F61" s="892"/>
      <c r="G61" s="893"/>
      <c r="H61" s="893"/>
      <c r="I61" s="893"/>
      <c r="J61" s="893"/>
      <c r="K61" s="893"/>
      <c r="L61" s="893"/>
      <c r="M61" s="893"/>
      <c r="N61" s="893"/>
      <c r="O61" s="893"/>
      <c r="P61" s="893"/>
      <c r="Q61" s="893"/>
      <c r="R61" s="893"/>
      <c r="S61" s="893"/>
      <c r="T61" s="893"/>
      <c r="U61" s="893"/>
      <c r="V61" s="893"/>
    </row>
    <row r="62" spans="1:34" s="895" customFormat="1" ht="29.45" customHeight="1">
      <c r="A62" s="894" t="s">
        <v>197</v>
      </c>
      <c r="B62" s="894"/>
      <c r="C62" s="894"/>
      <c r="D62" s="894"/>
      <c r="E62" s="894"/>
      <c r="F62" s="894"/>
      <c r="G62" s="894"/>
      <c r="H62" s="894"/>
      <c r="I62" s="894"/>
      <c r="J62" s="894"/>
      <c r="K62" s="894"/>
      <c r="L62" s="894"/>
      <c r="M62" s="894"/>
      <c r="N62" s="894"/>
      <c r="O62" s="894"/>
      <c r="P62" s="894"/>
      <c r="Q62" s="894"/>
      <c r="R62" s="894"/>
      <c r="S62" s="894"/>
      <c r="T62" s="894"/>
      <c r="U62" s="894"/>
      <c r="V62" s="894"/>
    </row>
    <row r="63" spans="1:34" s="895" customFormat="1" ht="19.7" customHeight="1" thickBot="1">
      <c r="A63" s="848" t="s">
        <v>182</v>
      </c>
      <c r="B63" s="848"/>
      <c r="C63" s="848"/>
      <c r="D63" s="848"/>
      <c r="E63" s="848"/>
      <c r="F63" s="848"/>
      <c r="G63" s="848"/>
      <c r="H63" s="848"/>
      <c r="I63" s="848"/>
      <c r="J63" s="848"/>
      <c r="K63" s="848"/>
      <c r="L63" s="848"/>
      <c r="M63" s="848"/>
      <c r="N63" s="848"/>
      <c r="O63" s="848"/>
      <c r="P63" s="848"/>
      <c r="Q63" s="848"/>
      <c r="R63" s="848"/>
      <c r="S63" s="848"/>
      <c r="T63" s="848"/>
      <c r="U63" s="848"/>
      <c r="V63" s="848"/>
    </row>
    <row r="64" spans="1:34" s="895" customFormat="1" ht="15" customHeight="1">
      <c r="A64" s="396" t="s">
        <v>1</v>
      </c>
      <c r="B64" s="896" t="s">
        <v>3</v>
      </c>
      <c r="C64" s="896"/>
      <c r="D64" s="897"/>
      <c r="E64" s="399"/>
      <c r="F64" s="400"/>
      <c r="G64" s="400"/>
      <c r="H64" s="400"/>
      <c r="I64" s="400"/>
      <c r="J64" s="400"/>
      <c r="K64" s="400"/>
      <c r="L64" s="400"/>
      <c r="M64" s="400"/>
      <c r="N64" s="400"/>
      <c r="O64" s="400"/>
      <c r="P64" s="400"/>
      <c r="Q64" s="400"/>
      <c r="R64" s="400"/>
      <c r="S64" s="400"/>
      <c r="T64" s="400"/>
      <c r="U64" s="400"/>
      <c r="V64" s="401"/>
    </row>
    <row r="65" spans="1:34" s="895" customFormat="1" ht="24.6" customHeight="1">
      <c r="A65" s="402"/>
      <c r="B65" s="403" t="s">
        <v>59</v>
      </c>
      <c r="C65" s="403"/>
      <c r="D65" s="404"/>
      <c r="E65" s="405"/>
      <c r="F65" s="406"/>
      <c r="G65" s="406"/>
      <c r="H65" s="406"/>
      <c r="I65" s="406"/>
      <c r="J65" s="406"/>
      <c r="K65" s="406"/>
      <c r="L65" s="406"/>
      <c r="M65" s="406"/>
      <c r="N65" s="406"/>
      <c r="O65" s="406"/>
      <c r="P65" s="406"/>
      <c r="Q65" s="406"/>
      <c r="R65" s="406"/>
      <c r="S65" s="406"/>
      <c r="T65" s="406"/>
      <c r="U65" s="406"/>
      <c r="V65" s="407"/>
    </row>
    <row r="66" spans="1:34" s="895" customFormat="1" ht="15" customHeight="1">
      <c r="A66" s="402"/>
      <c r="B66" s="408" t="s">
        <v>60</v>
      </c>
      <c r="C66" s="409"/>
      <c r="D66" s="410"/>
      <c r="E66" s="1032" t="s">
        <v>184</v>
      </c>
      <c r="F66" s="1033"/>
      <c r="G66" s="1033"/>
      <c r="H66" s="1034"/>
      <c r="I66" s="1034"/>
      <c r="J66" s="1035" t="s">
        <v>21</v>
      </c>
      <c r="K66" s="1036"/>
      <c r="L66" s="1036"/>
      <c r="M66" s="1035" t="s">
        <v>30</v>
      </c>
      <c r="N66" s="1037"/>
      <c r="O66" s="1037"/>
      <c r="P66" s="1037"/>
      <c r="Q66" s="1037"/>
      <c r="R66" s="1037"/>
      <c r="S66" s="1037"/>
      <c r="T66" s="1037"/>
      <c r="U66" s="1037"/>
      <c r="V66" s="1038"/>
    </row>
    <row r="67" spans="1:34" s="895" customFormat="1" ht="15" customHeight="1">
      <c r="A67" s="402"/>
      <c r="B67" s="415"/>
      <c r="C67" s="416"/>
      <c r="D67" s="417"/>
      <c r="E67" s="418"/>
      <c r="F67" s="419"/>
      <c r="G67" s="419"/>
      <c r="H67" s="420" t="s">
        <v>64</v>
      </c>
      <c r="I67" s="421" t="s">
        <v>65</v>
      </c>
      <c r="J67" s="419"/>
      <c r="K67" s="419"/>
      <c r="L67" s="419"/>
      <c r="M67" s="419"/>
      <c r="N67" s="419"/>
      <c r="O67" s="420" t="s">
        <v>66</v>
      </c>
      <c r="P67" s="421" t="s">
        <v>67</v>
      </c>
      <c r="Q67" s="419"/>
      <c r="R67" s="419"/>
      <c r="S67" s="419"/>
      <c r="T67" s="419"/>
      <c r="U67" s="419"/>
      <c r="V67" s="1039"/>
    </row>
    <row r="68" spans="1:34" s="895" customFormat="1" ht="15" customHeight="1">
      <c r="A68" s="402"/>
      <c r="B68" s="415"/>
      <c r="C68" s="416"/>
      <c r="D68" s="417"/>
      <c r="E68" s="418"/>
      <c r="F68" s="419"/>
      <c r="G68" s="419"/>
      <c r="H68" s="420" t="s">
        <v>68</v>
      </c>
      <c r="I68" s="421" t="s">
        <v>69</v>
      </c>
      <c r="J68" s="419"/>
      <c r="K68" s="419"/>
      <c r="L68" s="419"/>
      <c r="M68" s="419"/>
      <c r="N68" s="419"/>
      <c r="O68" s="420" t="s">
        <v>70</v>
      </c>
      <c r="P68" s="421" t="s">
        <v>71</v>
      </c>
      <c r="Q68" s="419"/>
      <c r="R68" s="419"/>
      <c r="S68" s="419"/>
      <c r="T68" s="419"/>
      <c r="U68" s="419"/>
      <c r="V68" s="1039"/>
    </row>
    <row r="69" spans="1:34" s="895" customFormat="1" ht="15" customHeight="1">
      <c r="A69" s="402"/>
      <c r="B69" s="423"/>
      <c r="C69" s="424"/>
      <c r="D69" s="425"/>
      <c r="E69" s="426"/>
      <c r="F69" s="427"/>
      <c r="G69" s="427"/>
      <c r="H69" s="427"/>
      <c r="I69" s="427"/>
      <c r="J69" s="427"/>
      <c r="K69" s="427"/>
      <c r="L69" s="427"/>
      <c r="M69" s="427"/>
      <c r="N69" s="427"/>
      <c r="O69" s="427"/>
      <c r="P69" s="427"/>
      <c r="Q69" s="427"/>
      <c r="R69" s="427"/>
      <c r="S69" s="427"/>
      <c r="T69" s="427"/>
      <c r="U69" s="427"/>
      <c r="V69" s="428"/>
    </row>
    <row r="70" spans="1:34" s="895" customFormat="1" ht="15" customHeight="1">
      <c r="A70" s="402"/>
      <c r="B70" s="408" t="s">
        <v>13</v>
      </c>
      <c r="C70" s="409"/>
      <c r="D70" s="409"/>
      <c r="E70" s="429" t="s">
        <v>72</v>
      </c>
      <c r="F70" s="430"/>
      <c r="G70" s="431"/>
      <c r="H70" s="432"/>
      <c r="I70" s="432"/>
      <c r="J70" s="432"/>
      <c r="K70" s="433" t="s">
        <v>15</v>
      </c>
      <c r="L70" s="433"/>
      <c r="M70" s="434"/>
      <c r="N70" s="435"/>
      <c r="O70" s="436" t="s">
        <v>73</v>
      </c>
      <c r="P70" s="403"/>
      <c r="Q70" s="431"/>
      <c r="R70" s="432"/>
      <c r="S70" s="432"/>
      <c r="T70" s="432"/>
      <c r="U70" s="432"/>
      <c r="V70" s="437"/>
    </row>
    <row r="71" spans="1:34" s="895" customFormat="1" ht="15" customHeight="1">
      <c r="A71" s="1040"/>
      <c r="B71" s="423"/>
      <c r="C71" s="424"/>
      <c r="D71" s="424"/>
      <c r="E71" s="902" t="s">
        <v>17</v>
      </c>
      <c r="F71" s="903"/>
      <c r="G71" s="431"/>
      <c r="H71" s="432"/>
      <c r="I71" s="432"/>
      <c r="J71" s="432"/>
      <c r="K71" s="432"/>
      <c r="L71" s="432"/>
      <c r="M71" s="432"/>
      <c r="N71" s="432"/>
      <c r="O71" s="432"/>
      <c r="P71" s="432"/>
      <c r="Q71" s="432"/>
      <c r="R71" s="432"/>
      <c r="S71" s="432"/>
      <c r="T71" s="432"/>
      <c r="U71" s="432"/>
      <c r="V71" s="437"/>
    </row>
    <row r="72" spans="1:34" s="895" customFormat="1" ht="15" customHeight="1">
      <c r="A72" s="904" t="s">
        <v>106</v>
      </c>
      <c r="B72" s="905"/>
      <c r="C72" s="905"/>
      <c r="D72" s="905"/>
      <c r="E72" s="905"/>
      <c r="F72" s="905"/>
      <c r="G72" s="905"/>
      <c r="H72" s="905"/>
      <c r="I72" s="905"/>
      <c r="J72" s="905"/>
      <c r="K72" s="905"/>
      <c r="L72" s="905"/>
      <c r="M72" s="905"/>
      <c r="N72" s="905"/>
      <c r="O72" s="905"/>
      <c r="P72" s="905"/>
      <c r="Q72" s="905"/>
      <c r="R72" s="905"/>
      <c r="S72" s="905"/>
      <c r="T72" s="905"/>
      <c r="U72" s="905"/>
      <c r="V72" s="906"/>
    </row>
    <row r="73" spans="1:34" ht="15" customHeight="1" thickBot="1">
      <c r="A73" s="715" t="s">
        <v>107</v>
      </c>
      <c r="B73" s="716"/>
      <c r="C73" s="716"/>
      <c r="D73" s="716"/>
      <c r="E73" s="716"/>
      <c r="F73" s="716"/>
      <c r="G73" s="716"/>
      <c r="H73" s="716"/>
      <c r="I73" s="1041"/>
      <c r="J73" s="1042"/>
      <c r="K73" s="1043"/>
      <c r="L73" s="1044" t="s">
        <v>177</v>
      </c>
      <c r="M73" s="243" t="s">
        <v>109</v>
      </c>
      <c r="N73" s="672"/>
      <c r="O73" s="672"/>
      <c r="P73" s="672"/>
      <c r="Q73" s="672"/>
      <c r="R73" s="672"/>
      <c r="S73" s="244"/>
      <c r="T73" s="1041"/>
      <c r="U73" s="1042"/>
      <c r="V73" s="1045" t="s">
        <v>110</v>
      </c>
      <c r="W73" s="895"/>
    </row>
    <row r="74" spans="1:34" s="618" customFormat="1" ht="15" customHeight="1">
      <c r="A74" s="852" t="s">
        <v>156</v>
      </c>
      <c r="B74" s="869" t="s">
        <v>166</v>
      </c>
      <c r="C74" s="869"/>
      <c r="D74" s="869"/>
      <c r="E74" s="869"/>
      <c r="F74" s="869"/>
      <c r="G74" s="869"/>
      <c r="H74" s="869"/>
      <c r="I74" s="869"/>
      <c r="J74" s="869"/>
      <c r="K74" s="869"/>
      <c r="L74" s="869"/>
      <c r="M74" s="869"/>
      <c r="N74" s="869"/>
      <c r="O74" s="869"/>
      <c r="P74" s="869"/>
      <c r="Q74" s="869"/>
      <c r="R74" s="869"/>
      <c r="S74" s="869"/>
      <c r="T74" s="869"/>
      <c r="U74" s="869"/>
      <c r="V74" s="870"/>
      <c r="W74" s="452"/>
      <c r="X74" s="452"/>
      <c r="Y74" s="452"/>
      <c r="Z74" s="452"/>
      <c r="AA74" s="452"/>
      <c r="AB74" s="452"/>
      <c r="AC74" s="452"/>
      <c r="AD74" s="452"/>
      <c r="AE74" s="452"/>
      <c r="AF74" s="452"/>
      <c r="AG74" s="452"/>
      <c r="AH74" s="452"/>
    </row>
    <row r="75" spans="1:34" s="618" customFormat="1" ht="16.350000000000001" customHeight="1">
      <c r="A75" s="852"/>
      <c r="B75" s="871" t="s">
        <v>167</v>
      </c>
      <c r="C75" s="871"/>
      <c r="D75" s="871"/>
      <c r="E75" s="871"/>
      <c r="F75" s="872"/>
      <c r="G75" s="649" t="s">
        <v>120</v>
      </c>
      <c r="H75" s="873"/>
      <c r="I75" s="874" t="s">
        <v>121</v>
      </c>
      <c r="J75" s="873"/>
      <c r="K75" s="874" t="s">
        <v>122</v>
      </c>
      <c r="L75" s="873"/>
      <c r="M75" s="874" t="s">
        <v>123</v>
      </c>
      <c r="N75" s="873"/>
      <c r="O75" s="874" t="s">
        <v>124</v>
      </c>
      <c r="P75" s="873"/>
      <c r="Q75" s="874" t="s">
        <v>125</v>
      </c>
      <c r="R75" s="873"/>
      <c r="S75" s="874" t="s">
        <v>126</v>
      </c>
      <c r="T75" s="873"/>
      <c r="U75" s="874" t="s">
        <v>127</v>
      </c>
      <c r="V75" s="875"/>
      <c r="W75" s="452"/>
      <c r="X75" s="452"/>
      <c r="Y75" s="452"/>
      <c r="Z75" s="452"/>
      <c r="AA75" s="452"/>
      <c r="AB75" s="452"/>
      <c r="AC75" s="452"/>
      <c r="AD75" s="452"/>
      <c r="AE75" s="452"/>
      <c r="AF75" s="452"/>
      <c r="AG75" s="452"/>
      <c r="AH75" s="452"/>
    </row>
    <row r="76" spans="1:34" s="618" customFormat="1" ht="15.6" customHeight="1">
      <c r="A76" s="852"/>
      <c r="B76" s="876"/>
      <c r="C76" s="876"/>
      <c r="D76" s="876"/>
      <c r="E76" s="876"/>
      <c r="F76" s="877"/>
      <c r="G76" s="874"/>
      <c r="H76" s="873"/>
      <c r="I76" s="874"/>
      <c r="J76" s="873"/>
      <c r="K76" s="874"/>
      <c r="L76" s="873"/>
      <c r="M76" s="874"/>
      <c r="N76" s="873"/>
      <c r="O76" s="874"/>
      <c r="P76" s="873"/>
      <c r="Q76" s="874"/>
      <c r="R76" s="873"/>
      <c r="S76" s="874"/>
      <c r="T76" s="873"/>
      <c r="U76" s="874"/>
      <c r="V76" s="875"/>
      <c r="W76" s="452"/>
      <c r="X76" s="452"/>
      <c r="Y76" s="452"/>
      <c r="Z76" s="452"/>
      <c r="AA76" s="452"/>
      <c r="AB76" s="452"/>
      <c r="AC76" s="452"/>
      <c r="AD76" s="452"/>
      <c r="AE76" s="452"/>
      <c r="AF76" s="452"/>
      <c r="AG76" s="452"/>
      <c r="AH76" s="452"/>
    </row>
    <row r="77" spans="1:34" s="618" customFormat="1" ht="15.6" customHeight="1">
      <c r="A77" s="852"/>
      <c r="B77" s="878"/>
      <c r="C77" s="878"/>
      <c r="D77" s="878"/>
      <c r="E77" s="878"/>
      <c r="F77" s="879"/>
      <c r="G77" s="874" t="s">
        <v>128</v>
      </c>
      <c r="H77" s="649"/>
      <c r="I77" s="649"/>
      <c r="J77" s="649"/>
      <c r="K77" s="649"/>
      <c r="L77" s="873"/>
      <c r="M77" s="880"/>
      <c r="N77" s="881"/>
      <c r="O77" s="881"/>
      <c r="P77" s="881"/>
      <c r="Q77" s="881"/>
      <c r="R77" s="881"/>
      <c r="S77" s="881"/>
      <c r="T77" s="881"/>
      <c r="U77" s="881"/>
      <c r="V77" s="882"/>
      <c r="W77" s="452"/>
      <c r="X77" s="452"/>
      <c r="Y77" s="452"/>
      <c r="Z77" s="452"/>
      <c r="AA77" s="452"/>
      <c r="AB77" s="452"/>
      <c r="AC77" s="452"/>
      <c r="AD77" s="452"/>
      <c r="AE77" s="452"/>
      <c r="AF77" s="452"/>
      <c r="AG77" s="452"/>
      <c r="AH77" s="452"/>
    </row>
    <row r="78" spans="1:34" s="618" customFormat="1" ht="15.95" customHeight="1">
      <c r="A78" s="852"/>
      <c r="B78" s="200" t="s">
        <v>168</v>
      </c>
      <c r="C78" s="883"/>
      <c r="D78" s="883"/>
      <c r="E78" s="883"/>
      <c r="F78" s="234"/>
      <c r="G78" s="233"/>
      <c r="H78" s="883"/>
      <c r="I78" s="883" t="s">
        <v>130</v>
      </c>
      <c r="J78" s="883"/>
      <c r="K78" s="659"/>
      <c r="L78" s="659"/>
      <c r="M78" s="883" t="s">
        <v>169</v>
      </c>
      <c r="N78" s="883"/>
      <c r="O78" s="883"/>
      <c r="P78" s="883"/>
      <c r="Q78" s="883" t="s">
        <v>130</v>
      </c>
      <c r="R78" s="883"/>
      <c r="S78" s="236"/>
      <c r="T78" s="236"/>
      <c r="U78" s="236"/>
      <c r="V78" s="240"/>
      <c r="W78" s="452"/>
      <c r="X78" s="452"/>
      <c r="Y78" s="452"/>
      <c r="Z78" s="452"/>
      <c r="AA78" s="452"/>
      <c r="AB78" s="452"/>
      <c r="AC78" s="452"/>
      <c r="AD78" s="452"/>
      <c r="AE78" s="452"/>
      <c r="AF78" s="452"/>
      <c r="AG78" s="452"/>
      <c r="AH78" s="452"/>
    </row>
    <row r="79" spans="1:34" s="618" customFormat="1" ht="15.95" customHeight="1">
      <c r="A79" s="852"/>
      <c r="B79" s="884"/>
      <c r="C79" s="663" t="s">
        <v>132</v>
      </c>
      <c r="D79" s="202"/>
      <c r="E79" s="233" t="s">
        <v>170</v>
      </c>
      <c r="F79" s="234"/>
      <c r="G79" s="233"/>
      <c r="H79" s="883"/>
      <c r="I79" s="883" t="s">
        <v>130</v>
      </c>
      <c r="J79" s="883"/>
      <c r="K79" s="659"/>
      <c r="L79" s="659"/>
      <c r="M79" s="883" t="s">
        <v>169</v>
      </c>
      <c r="N79" s="883"/>
      <c r="O79" s="883"/>
      <c r="P79" s="883"/>
      <c r="Q79" s="883" t="s">
        <v>130</v>
      </c>
      <c r="R79" s="883"/>
      <c r="S79" s="236"/>
      <c r="T79" s="236"/>
      <c r="U79" s="236"/>
      <c r="V79" s="240"/>
      <c r="W79" s="452"/>
      <c r="X79" s="452"/>
      <c r="Y79" s="452"/>
      <c r="Z79" s="452"/>
      <c r="AA79" s="452"/>
      <c r="AB79" s="452"/>
      <c r="AC79" s="452"/>
      <c r="AD79" s="452"/>
      <c r="AE79" s="452"/>
      <c r="AF79" s="452"/>
      <c r="AG79" s="452"/>
      <c r="AH79" s="452"/>
    </row>
    <row r="80" spans="1:34" s="618" customFormat="1" ht="15.95" customHeight="1">
      <c r="A80" s="852"/>
      <c r="B80" s="885"/>
      <c r="C80" s="631"/>
      <c r="D80" s="182"/>
      <c r="E80" s="233" t="s">
        <v>134</v>
      </c>
      <c r="F80" s="234"/>
      <c r="G80" s="233"/>
      <c r="H80" s="883"/>
      <c r="I80" s="883" t="s">
        <v>130</v>
      </c>
      <c r="J80" s="883"/>
      <c r="K80" s="659"/>
      <c r="L80" s="659"/>
      <c r="M80" s="883" t="s">
        <v>169</v>
      </c>
      <c r="N80" s="883"/>
      <c r="O80" s="883"/>
      <c r="P80" s="883"/>
      <c r="Q80" s="883" t="s">
        <v>130</v>
      </c>
      <c r="R80" s="883"/>
      <c r="S80" s="236"/>
      <c r="T80" s="236"/>
      <c r="U80" s="236"/>
      <c r="V80" s="240"/>
      <c r="W80" s="452"/>
      <c r="X80" s="452"/>
      <c r="Y80" s="452"/>
      <c r="Z80" s="452"/>
      <c r="AA80" s="452"/>
      <c r="AB80" s="452"/>
      <c r="AC80" s="452"/>
      <c r="AD80" s="452"/>
      <c r="AE80" s="452"/>
      <c r="AF80" s="452"/>
      <c r="AG80" s="452"/>
      <c r="AH80" s="452"/>
    </row>
    <row r="81" spans="1:34" s="618" customFormat="1" ht="15.95" customHeight="1">
      <c r="A81" s="852"/>
      <c r="B81" s="886"/>
      <c r="C81" s="646"/>
      <c r="D81" s="195"/>
      <c r="E81" s="233" t="s">
        <v>135</v>
      </c>
      <c r="F81" s="234"/>
      <c r="G81" s="233"/>
      <c r="H81" s="883"/>
      <c r="I81" s="883" t="s">
        <v>130</v>
      </c>
      <c r="J81" s="883"/>
      <c r="K81" s="659"/>
      <c r="L81" s="659"/>
      <c r="M81" s="883" t="s">
        <v>169</v>
      </c>
      <c r="N81" s="883"/>
      <c r="O81" s="883"/>
      <c r="P81" s="883"/>
      <c r="Q81" s="883" t="s">
        <v>130</v>
      </c>
      <c r="R81" s="883"/>
      <c r="S81" s="236"/>
      <c r="T81" s="236"/>
      <c r="U81" s="236"/>
      <c r="V81" s="240"/>
      <c r="W81" s="452"/>
      <c r="X81" s="452"/>
      <c r="Y81" s="452"/>
      <c r="Z81" s="452"/>
      <c r="AA81" s="452"/>
      <c r="AB81" s="452"/>
      <c r="AC81" s="452"/>
      <c r="AD81" s="452"/>
      <c r="AE81" s="452"/>
      <c r="AF81" s="452"/>
      <c r="AG81" s="452"/>
      <c r="AH81" s="452"/>
    </row>
    <row r="82" spans="1:34" s="618" customFormat="1" ht="16.350000000000001" customHeight="1">
      <c r="A82" s="852"/>
      <c r="B82" s="201" t="s">
        <v>136</v>
      </c>
      <c r="C82" s="201"/>
      <c r="D82" s="201"/>
      <c r="E82" s="201"/>
      <c r="F82" s="202"/>
      <c r="G82" s="233"/>
      <c r="H82" s="883"/>
      <c r="I82" s="883" t="s">
        <v>130</v>
      </c>
      <c r="J82" s="883"/>
      <c r="K82" s="659"/>
      <c r="L82" s="659"/>
      <c r="M82" s="883" t="s">
        <v>169</v>
      </c>
      <c r="N82" s="883"/>
      <c r="O82" s="883"/>
      <c r="P82" s="883"/>
      <c r="Q82" s="883" t="s">
        <v>130</v>
      </c>
      <c r="R82" s="883"/>
      <c r="S82" s="236"/>
      <c r="T82" s="236"/>
      <c r="U82" s="236"/>
      <c r="V82" s="240"/>
      <c r="W82" s="452"/>
      <c r="X82" s="452"/>
      <c r="Y82" s="452"/>
      <c r="Z82" s="452"/>
      <c r="AA82" s="452"/>
      <c r="AB82" s="452"/>
      <c r="AC82" s="452"/>
      <c r="AD82" s="452"/>
      <c r="AE82" s="452"/>
      <c r="AF82" s="452"/>
      <c r="AG82" s="452"/>
      <c r="AH82" s="452"/>
    </row>
    <row r="83" spans="1:34" s="618" customFormat="1" ht="16.350000000000001" customHeight="1" thickBot="1">
      <c r="A83" s="852"/>
      <c r="B83" s="887" t="s">
        <v>137</v>
      </c>
      <c r="C83" s="672"/>
      <c r="D83" s="672"/>
      <c r="E83" s="672"/>
      <c r="F83" s="244"/>
      <c r="G83" s="673"/>
      <c r="H83" s="674"/>
      <c r="I83" s="674"/>
      <c r="J83" s="674"/>
      <c r="K83" s="888"/>
      <c r="L83" s="675" t="s">
        <v>172</v>
      </c>
      <c r="M83" s="672"/>
      <c r="N83" s="672"/>
      <c r="O83" s="677"/>
      <c r="P83" s="678"/>
      <c r="Q83" s="678"/>
      <c r="R83" s="889"/>
      <c r="S83" s="889"/>
      <c r="T83" s="890"/>
      <c r="U83" s="889"/>
      <c r="V83" s="679"/>
      <c r="W83" s="452"/>
      <c r="X83" s="452"/>
      <c r="Y83" s="452"/>
      <c r="Z83" s="452"/>
      <c r="AA83" s="452"/>
      <c r="AB83" s="452"/>
      <c r="AC83" s="452"/>
      <c r="AD83" s="452"/>
      <c r="AE83" s="452"/>
      <c r="AF83" s="452"/>
      <c r="AG83" s="452"/>
      <c r="AH83" s="452"/>
    </row>
    <row r="84" spans="1:34" s="618" customFormat="1" ht="15" customHeight="1">
      <c r="A84" s="849" t="s">
        <v>157</v>
      </c>
      <c r="B84" s="869" t="s">
        <v>166</v>
      </c>
      <c r="C84" s="869"/>
      <c r="D84" s="869"/>
      <c r="E84" s="869"/>
      <c r="F84" s="869"/>
      <c r="G84" s="869"/>
      <c r="H84" s="869"/>
      <c r="I84" s="869"/>
      <c r="J84" s="869"/>
      <c r="K84" s="869"/>
      <c r="L84" s="869"/>
      <c r="M84" s="869"/>
      <c r="N84" s="869"/>
      <c r="O84" s="869"/>
      <c r="P84" s="869"/>
      <c r="Q84" s="869"/>
      <c r="R84" s="869"/>
      <c r="S84" s="869"/>
      <c r="T84" s="869"/>
      <c r="U84" s="869"/>
      <c r="V84" s="870"/>
      <c r="W84" s="452"/>
      <c r="X84" s="452"/>
      <c r="Y84" s="452"/>
      <c r="Z84" s="452"/>
      <c r="AA84" s="452"/>
      <c r="AB84" s="452"/>
      <c r="AC84" s="452"/>
      <c r="AD84" s="452"/>
      <c r="AE84" s="452"/>
      <c r="AF84" s="452"/>
      <c r="AG84" s="452"/>
      <c r="AH84" s="452"/>
    </row>
    <row r="85" spans="1:34" s="618" customFormat="1" ht="16.350000000000001" customHeight="1">
      <c r="A85" s="852"/>
      <c r="B85" s="871" t="s">
        <v>167</v>
      </c>
      <c r="C85" s="871"/>
      <c r="D85" s="871"/>
      <c r="E85" s="871"/>
      <c r="F85" s="872"/>
      <c r="G85" s="649" t="s">
        <v>120</v>
      </c>
      <c r="H85" s="873"/>
      <c r="I85" s="874" t="s">
        <v>121</v>
      </c>
      <c r="J85" s="873"/>
      <c r="K85" s="874" t="s">
        <v>122</v>
      </c>
      <c r="L85" s="873"/>
      <c r="M85" s="874" t="s">
        <v>123</v>
      </c>
      <c r="N85" s="873"/>
      <c r="O85" s="874" t="s">
        <v>124</v>
      </c>
      <c r="P85" s="873"/>
      <c r="Q85" s="874" t="s">
        <v>125</v>
      </c>
      <c r="R85" s="873"/>
      <c r="S85" s="874" t="s">
        <v>126</v>
      </c>
      <c r="T85" s="873"/>
      <c r="U85" s="874" t="s">
        <v>127</v>
      </c>
      <c r="V85" s="875"/>
      <c r="W85" s="452"/>
      <c r="X85" s="452"/>
      <c r="Y85" s="452"/>
      <c r="Z85" s="452"/>
      <c r="AA85" s="452"/>
      <c r="AB85" s="452"/>
      <c r="AC85" s="452"/>
      <c r="AD85" s="452"/>
      <c r="AE85" s="452"/>
      <c r="AF85" s="452"/>
      <c r="AG85" s="452"/>
      <c r="AH85" s="452"/>
    </row>
    <row r="86" spans="1:34" s="618" customFormat="1" ht="15.6" customHeight="1">
      <c r="A86" s="852"/>
      <c r="B86" s="876"/>
      <c r="C86" s="876"/>
      <c r="D86" s="876"/>
      <c r="E86" s="876"/>
      <c r="F86" s="877"/>
      <c r="G86" s="874"/>
      <c r="H86" s="873"/>
      <c r="I86" s="874"/>
      <c r="J86" s="873"/>
      <c r="K86" s="874"/>
      <c r="L86" s="873"/>
      <c r="M86" s="874"/>
      <c r="N86" s="873"/>
      <c r="O86" s="874"/>
      <c r="P86" s="873"/>
      <c r="Q86" s="874"/>
      <c r="R86" s="873"/>
      <c r="S86" s="874"/>
      <c r="T86" s="873"/>
      <c r="U86" s="874"/>
      <c r="V86" s="875"/>
      <c r="W86" s="452"/>
      <c r="X86" s="452"/>
      <c r="Y86" s="452"/>
      <c r="Z86" s="452"/>
      <c r="AA86" s="452"/>
      <c r="AB86" s="452"/>
      <c r="AC86" s="452"/>
      <c r="AD86" s="452"/>
      <c r="AE86" s="452"/>
      <c r="AF86" s="452"/>
      <c r="AG86" s="452"/>
      <c r="AH86" s="452"/>
    </row>
    <row r="87" spans="1:34" s="618" customFormat="1" ht="15.6" customHeight="1">
      <c r="A87" s="852"/>
      <c r="B87" s="878"/>
      <c r="C87" s="878"/>
      <c r="D87" s="878"/>
      <c r="E87" s="878"/>
      <c r="F87" s="879"/>
      <c r="G87" s="874" t="s">
        <v>128</v>
      </c>
      <c r="H87" s="649"/>
      <c r="I87" s="649"/>
      <c r="J87" s="649"/>
      <c r="K87" s="649"/>
      <c r="L87" s="873"/>
      <c r="M87" s="880"/>
      <c r="N87" s="881"/>
      <c r="O87" s="881"/>
      <c r="P87" s="881"/>
      <c r="Q87" s="881"/>
      <c r="R87" s="881"/>
      <c r="S87" s="881"/>
      <c r="T87" s="881"/>
      <c r="U87" s="881"/>
      <c r="V87" s="882"/>
      <c r="W87" s="452"/>
      <c r="X87" s="452"/>
      <c r="Y87" s="452"/>
      <c r="Z87" s="452"/>
      <c r="AA87" s="452"/>
      <c r="AB87" s="452"/>
      <c r="AC87" s="452"/>
      <c r="AD87" s="452"/>
      <c r="AE87" s="452"/>
      <c r="AF87" s="452"/>
      <c r="AG87" s="452"/>
      <c r="AH87" s="452"/>
    </row>
    <row r="88" spans="1:34" s="618" customFormat="1" ht="15.95" customHeight="1">
      <c r="A88" s="852"/>
      <c r="B88" s="200" t="s">
        <v>168</v>
      </c>
      <c r="C88" s="883"/>
      <c r="D88" s="883"/>
      <c r="E88" s="883"/>
      <c r="F88" s="234"/>
      <c r="G88" s="233"/>
      <c r="H88" s="883"/>
      <c r="I88" s="883" t="s">
        <v>130</v>
      </c>
      <c r="J88" s="883"/>
      <c r="K88" s="659"/>
      <c r="L88" s="659"/>
      <c r="M88" s="883" t="s">
        <v>169</v>
      </c>
      <c r="N88" s="883"/>
      <c r="O88" s="883"/>
      <c r="P88" s="883"/>
      <c r="Q88" s="883" t="s">
        <v>130</v>
      </c>
      <c r="R88" s="883"/>
      <c r="S88" s="236"/>
      <c r="T88" s="236"/>
      <c r="U88" s="236"/>
      <c r="V88" s="240"/>
      <c r="W88" s="452"/>
      <c r="X88" s="452"/>
      <c r="Y88" s="452"/>
      <c r="Z88" s="452"/>
      <c r="AA88" s="452"/>
      <c r="AB88" s="452"/>
      <c r="AC88" s="452"/>
      <c r="AD88" s="452"/>
      <c r="AE88" s="452"/>
      <c r="AF88" s="452"/>
      <c r="AG88" s="452"/>
      <c r="AH88" s="452"/>
    </row>
    <row r="89" spans="1:34" s="618" customFormat="1" ht="15.95" customHeight="1">
      <c r="A89" s="852"/>
      <c r="B89" s="884"/>
      <c r="C89" s="663" t="s">
        <v>132</v>
      </c>
      <c r="D89" s="202"/>
      <c r="E89" s="233" t="s">
        <v>170</v>
      </c>
      <c r="F89" s="234"/>
      <c r="G89" s="233"/>
      <c r="H89" s="883"/>
      <c r="I89" s="883" t="s">
        <v>130</v>
      </c>
      <c r="J89" s="883"/>
      <c r="K89" s="659"/>
      <c r="L89" s="659"/>
      <c r="M89" s="883" t="s">
        <v>169</v>
      </c>
      <c r="N89" s="883"/>
      <c r="O89" s="883"/>
      <c r="P89" s="883"/>
      <c r="Q89" s="883" t="s">
        <v>130</v>
      </c>
      <c r="R89" s="883"/>
      <c r="S89" s="236"/>
      <c r="T89" s="236"/>
      <c r="U89" s="236"/>
      <c r="V89" s="240"/>
      <c r="W89" s="452"/>
      <c r="X89" s="452"/>
      <c r="Y89" s="452"/>
      <c r="Z89" s="452"/>
      <c r="AA89" s="452"/>
      <c r="AB89" s="452"/>
      <c r="AC89" s="452"/>
      <c r="AD89" s="452"/>
      <c r="AE89" s="452"/>
      <c r="AF89" s="452"/>
      <c r="AG89" s="452"/>
      <c r="AH89" s="452"/>
    </row>
    <row r="90" spans="1:34" s="618" customFormat="1" ht="15.95" customHeight="1">
      <c r="A90" s="852"/>
      <c r="B90" s="885"/>
      <c r="C90" s="631"/>
      <c r="D90" s="182"/>
      <c r="E90" s="233" t="s">
        <v>134</v>
      </c>
      <c r="F90" s="234"/>
      <c r="G90" s="233"/>
      <c r="H90" s="883"/>
      <c r="I90" s="883" t="s">
        <v>130</v>
      </c>
      <c r="J90" s="883"/>
      <c r="K90" s="659"/>
      <c r="L90" s="659"/>
      <c r="M90" s="883" t="s">
        <v>169</v>
      </c>
      <c r="N90" s="883"/>
      <c r="O90" s="883"/>
      <c r="P90" s="883"/>
      <c r="Q90" s="883" t="s">
        <v>130</v>
      </c>
      <c r="R90" s="883"/>
      <c r="S90" s="236"/>
      <c r="T90" s="236"/>
      <c r="U90" s="236"/>
      <c r="V90" s="240"/>
      <c r="W90" s="452"/>
      <c r="X90" s="452"/>
      <c r="Y90" s="452"/>
      <c r="Z90" s="452"/>
      <c r="AA90" s="452"/>
      <c r="AB90" s="452"/>
      <c r="AC90" s="452"/>
      <c r="AD90" s="452"/>
      <c r="AE90" s="452"/>
      <c r="AF90" s="452"/>
      <c r="AG90" s="452"/>
      <c r="AH90" s="452"/>
    </row>
    <row r="91" spans="1:34" s="618" customFormat="1" ht="15.95" customHeight="1">
      <c r="A91" s="852"/>
      <c r="B91" s="886"/>
      <c r="C91" s="646"/>
      <c r="D91" s="195"/>
      <c r="E91" s="233" t="s">
        <v>135</v>
      </c>
      <c r="F91" s="234"/>
      <c r="G91" s="233"/>
      <c r="H91" s="883"/>
      <c r="I91" s="883" t="s">
        <v>130</v>
      </c>
      <c r="J91" s="883"/>
      <c r="K91" s="659"/>
      <c r="L91" s="659"/>
      <c r="M91" s="883" t="s">
        <v>169</v>
      </c>
      <c r="N91" s="883"/>
      <c r="O91" s="883"/>
      <c r="P91" s="883"/>
      <c r="Q91" s="883" t="s">
        <v>130</v>
      </c>
      <c r="R91" s="883"/>
      <c r="S91" s="236"/>
      <c r="T91" s="236"/>
      <c r="U91" s="236"/>
      <c r="V91" s="240"/>
      <c r="W91" s="452"/>
      <c r="X91" s="452"/>
      <c r="Y91" s="452"/>
      <c r="Z91" s="452"/>
      <c r="AA91" s="452"/>
      <c r="AB91" s="452"/>
      <c r="AC91" s="452"/>
      <c r="AD91" s="452"/>
      <c r="AE91" s="452"/>
      <c r="AF91" s="452"/>
      <c r="AG91" s="452"/>
      <c r="AH91" s="452"/>
    </row>
    <row r="92" spans="1:34" s="618" customFormat="1" ht="16.350000000000001" customHeight="1">
      <c r="A92" s="852"/>
      <c r="B92" s="201" t="s">
        <v>136</v>
      </c>
      <c r="C92" s="201"/>
      <c r="D92" s="201"/>
      <c r="E92" s="201"/>
      <c r="F92" s="202"/>
      <c r="G92" s="233"/>
      <c r="H92" s="883"/>
      <c r="I92" s="883" t="s">
        <v>130</v>
      </c>
      <c r="J92" s="883"/>
      <c r="K92" s="659"/>
      <c r="L92" s="659"/>
      <c r="M92" s="883" t="s">
        <v>169</v>
      </c>
      <c r="N92" s="883"/>
      <c r="O92" s="883"/>
      <c r="P92" s="883"/>
      <c r="Q92" s="883" t="s">
        <v>130</v>
      </c>
      <c r="R92" s="883"/>
      <c r="S92" s="236"/>
      <c r="T92" s="236"/>
      <c r="U92" s="236"/>
      <c r="V92" s="240"/>
      <c r="W92" s="452"/>
      <c r="X92" s="452"/>
      <c r="Y92" s="452"/>
      <c r="Z92" s="452"/>
      <c r="AA92" s="452"/>
      <c r="AB92" s="452"/>
      <c r="AC92" s="452"/>
      <c r="AD92" s="452"/>
      <c r="AE92" s="452"/>
      <c r="AF92" s="452"/>
      <c r="AG92" s="452"/>
      <c r="AH92" s="452"/>
    </row>
    <row r="93" spans="1:34" s="618" customFormat="1" ht="16.350000000000001" customHeight="1" thickBot="1">
      <c r="A93" s="891"/>
      <c r="B93" s="887" t="s">
        <v>137</v>
      </c>
      <c r="C93" s="672"/>
      <c r="D93" s="672"/>
      <c r="E93" s="672"/>
      <c r="F93" s="244"/>
      <c r="G93" s="673"/>
      <c r="H93" s="674"/>
      <c r="I93" s="674"/>
      <c r="J93" s="674"/>
      <c r="K93" s="888"/>
      <c r="L93" s="675" t="s">
        <v>172</v>
      </c>
      <c r="M93" s="672"/>
      <c r="N93" s="672"/>
      <c r="O93" s="677"/>
      <c r="P93" s="678"/>
      <c r="Q93" s="678"/>
      <c r="R93" s="889"/>
      <c r="S93" s="889"/>
      <c r="T93" s="890"/>
      <c r="U93" s="889"/>
      <c r="V93" s="679"/>
      <c r="W93" s="452"/>
      <c r="X93" s="452"/>
      <c r="Y93" s="452"/>
      <c r="Z93" s="452"/>
      <c r="AA93" s="452"/>
      <c r="AB93" s="452"/>
      <c r="AC93" s="452"/>
      <c r="AD93" s="452"/>
      <c r="AE93" s="452"/>
      <c r="AF93" s="452"/>
      <c r="AG93" s="452"/>
      <c r="AH93" s="452"/>
    </row>
    <row r="94" spans="1:34" s="618" customFormat="1" ht="15" customHeight="1">
      <c r="A94" s="849" t="s">
        <v>158</v>
      </c>
      <c r="B94" s="869" t="s">
        <v>166</v>
      </c>
      <c r="C94" s="869"/>
      <c r="D94" s="869"/>
      <c r="E94" s="869"/>
      <c r="F94" s="869"/>
      <c r="G94" s="869"/>
      <c r="H94" s="869"/>
      <c r="I94" s="869"/>
      <c r="J94" s="869"/>
      <c r="K94" s="869"/>
      <c r="L94" s="869"/>
      <c r="M94" s="869"/>
      <c r="N94" s="869"/>
      <c r="O94" s="869"/>
      <c r="P94" s="869"/>
      <c r="Q94" s="869"/>
      <c r="R94" s="869"/>
      <c r="S94" s="869"/>
      <c r="T94" s="869"/>
      <c r="U94" s="869"/>
      <c r="V94" s="870"/>
      <c r="W94" s="452"/>
      <c r="X94" s="452"/>
      <c r="Y94" s="452"/>
      <c r="Z94" s="452"/>
      <c r="AA94" s="452"/>
      <c r="AB94" s="452"/>
      <c r="AC94" s="452"/>
      <c r="AD94" s="452"/>
      <c r="AE94" s="452"/>
      <c r="AF94" s="452"/>
      <c r="AG94" s="452"/>
      <c r="AH94" s="452"/>
    </row>
    <row r="95" spans="1:34" s="618" customFormat="1" ht="16.350000000000001" customHeight="1">
      <c r="A95" s="852"/>
      <c r="B95" s="871" t="s">
        <v>167</v>
      </c>
      <c r="C95" s="871"/>
      <c r="D95" s="871"/>
      <c r="E95" s="871"/>
      <c r="F95" s="872"/>
      <c r="G95" s="649" t="s">
        <v>120</v>
      </c>
      <c r="H95" s="873"/>
      <c r="I95" s="874" t="s">
        <v>121</v>
      </c>
      <c r="J95" s="873"/>
      <c r="K95" s="874" t="s">
        <v>122</v>
      </c>
      <c r="L95" s="873"/>
      <c r="M95" s="874" t="s">
        <v>123</v>
      </c>
      <c r="N95" s="873"/>
      <c r="O95" s="874" t="s">
        <v>124</v>
      </c>
      <c r="P95" s="873"/>
      <c r="Q95" s="874" t="s">
        <v>125</v>
      </c>
      <c r="R95" s="873"/>
      <c r="S95" s="874" t="s">
        <v>126</v>
      </c>
      <c r="T95" s="873"/>
      <c r="U95" s="874" t="s">
        <v>127</v>
      </c>
      <c r="V95" s="875"/>
      <c r="W95" s="452"/>
      <c r="X95" s="452"/>
      <c r="Y95" s="452"/>
      <c r="Z95" s="452"/>
      <c r="AA95" s="452"/>
      <c r="AB95" s="452"/>
      <c r="AC95" s="452"/>
      <c r="AD95" s="452"/>
      <c r="AE95" s="452"/>
      <c r="AF95" s="452"/>
      <c r="AG95" s="452"/>
      <c r="AH95" s="452"/>
    </row>
    <row r="96" spans="1:34" s="618" customFormat="1" ht="15.6" customHeight="1">
      <c r="A96" s="852"/>
      <c r="B96" s="876"/>
      <c r="C96" s="876"/>
      <c r="D96" s="876"/>
      <c r="E96" s="876"/>
      <c r="F96" s="877"/>
      <c r="G96" s="874"/>
      <c r="H96" s="873"/>
      <c r="I96" s="874"/>
      <c r="J96" s="873"/>
      <c r="K96" s="874"/>
      <c r="L96" s="873"/>
      <c r="M96" s="874"/>
      <c r="N96" s="873"/>
      <c r="O96" s="874"/>
      <c r="P96" s="873"/>
      <c r="Q96" s="874"/>
      <c r="R96" s="873"/>
      <c r="S96" s="874"/>
      <c r="T96" s="873"/>
      <c r="U96" s="874"/>
      <c r="V96" s="875"/>
      <c r="W96" s="452"/>
      <c r="X96" s="452"/>
      <c r="Y96" s="452"/>
      <c r="Z96" s="452"/>
      <c r="AA96" s="452"/>
      <c r="AB96" s="452"/>
      <c r="AC96" s="452"/>
      <c r="AD96" s="452"/>
      <c r="AE96" s="452"/>
      <c r="AF96" s="452"/>
      <c r="AG96" s="452"/>
      <c r="AH96" s="452"/>
    </row>
    <row r="97" spans="1:34" s="618" customFormat="1" ht="15.6" customHeight="1">
      <c r="A97" s="852"/>
      <c r="B97" s="878"/>
      <c r="C97" s="878"/>
      <c r="D97" s="878"/>
      <c r="E97" s="878"/>
      <c r="F97" s="879"/>
      <c r="G97" s="874" t="s">
        <v>128</v>
      </c>
      <c r="H97" s="649"/>
      <c r="I97" s="649"/>
      <c r="J97" s="649"/>
      <c r="K97" s="649"/>
      <c r="L97" s="873"/>
      <c r="M97" s="880"/>
      <c r="N97" s="881"/>
      <c r="O97" s="881"/>
      <c r="P97" s="881"/>
      <c r="Q97" s="881"/>
      <c r="R97" s="881"/>
      <c r="S97" s="881"/>
      <c r="T97" s="881"/>
      <c r="U97" s="881"/>
      <c r="V97" s="882"/>
      <c r="W97" s="452"/>
      <c r="X97" s="452"/>
      <c r="Y97" s="452"/>
      <c r="Z97" s="452"/>
      <c r="AA97" s="452"/>
      <c r="AB97" s="452"/>
      <c r="AC97" s="452"/>
      <c r="AD97" s="452"/>
      <c r="AE97" s="452"/>
      <c r="AF97" s="452"/>
      <c r="AG97" s="452"/>
      <c r="AH97" s="452"/>
    </row>
    <row r="98" spans="1:34" s="618" customFormat="1" ht="15.95" customHeight="1">
      <c r="A98" s="852"/>
      <c r="B98" s="200" t="s">
        <v>168</v>
      </c>
      <c r="C98" s="883"/>
      <c r="D98" s="883"/>
      <c r="E98" s="883"/>
      <c r="F98" s="234"/>
      <c r="G98" s="233"/>
      <c r="H98" s="883"/>
      <c r="I98" s="883" t="s">
        <v>130</v>
      </c>
      <c r="J98" s="883"/>
      <c r="K98" s="659"/>
      <c r="L98" s="659"/>
      <c r="M98" s="883" t="s">
        <v>169</v>
      </c>
      <c r="N98" s="883"/>
      <c r="O98" s="883"/>
      <c r="P98" s="883"/>
      <c r="Q98" s="883" t="s">
        <v>130</v>
      </c>
      <c r="R98" s="883"/>
      <c r="S98" s="236"/>
      <c r="T98" s="236"/>
      <c r="U98" s="236"/>
      <c r="V98" s="240"/>
      <c r="W98" s="452"/>
      <c r="X98" s="452"/>
      <c r="Y98" s="452"/>
      <c r="Z98" s="452"/>
      <c r="AA98" s="452"/>
      <c r="AB98" s="452"/>
      <c r="AC98" s="452"/>
      <c r="AD98" s="452"/>
      <c r="AE98" s="452"/>
      <c r="AF98" s="452"/>
      <c r="AG98" s="452"/>
      <c r="AH98" s="452"/>
    </row>
    <row r="99" spans="1:34" s="618" customFormat="1" ht="15.95" customHeight="1">
      <c r="A99" s="852"/>
      <c r="B99" s="884"/>
      <c r="C99" s="663" t="s">
        <v>132</v>
      </c>
      <c r="D99" s="202"/>
      <c r="E99" s="233" t="s">
        <v>170</v>
      </c>
      <c r="F99" s="234"/>
      <c r="G99" s="233"/>
      <c r="H99" s="883"/>
      <c r="I99" s="883" t="s">
        <v>130</v>
      </c>
      <c r="J99" s="883"/>
      <c r="K99" s="659"/>
      <c r="L99" s="659"/>
      <c r="M99" s="883" t="s">
        <v>169</v>
      </c>
      <c r="N99" s="883"/>
      <c r="O99" s="883"/>
      <c r="P99" s="883"/>
      <c r="Q99" s="883" t="s">
        <v>130</v>
      </c>
      <c r="R99" s="883"/>
      <c r="S99" s="236"/>
      <c r="T99" s="236"/>
      <c r="U99" s="236"/>
      <c r="V99" s="240"/>
      <c r="W99" s="452"/>
      <c r="X99" s="452"/>
      <c r="Y99" s="452"/>
      <c r="Z99" s="452"/>
      <c r="AA99" s="452"/>
      <c r="AB99" s="452"/>
      <c r="AC99" s="452"/>
      <c r="AD99" s="452"/>
      <c r="AE99" s="452"/>
      <c r="AF99" s="452"/>
      <c r="AG99" s="452"/>
      <c r="AH99" s="452"/>
    </row>
    <row r="100" spans="1:34" s="618" customFormat="1" ht="15.95" customHeight="1">
      <c r="A100" s="852"/>
      <c r="B100" s="885"/>
      <c r="C100" s="631"/>
      <c r="D100" s="182"/>
      <c r="E100" s="233" t="s">
        <v>134</v>
      </c>
      <c r="F100" s="234"/>
      <c r="G100" s="233"/>
      <c r="H100" s="883"/>
      <c r="I100" s="883" t="s">
        <v>130</v>
      </c>
      <c r="J100" s="883"/>
      <c r="K100" s="659"/>
      <c r="L100" s="659"/>
      <c r="M100" s="883" t="s">
        <v>169</v>
      </c>
      <c r="N100" s="883"/>
      <c r="O100" s="883"/>
      <c r="P100" s="883"/>
      <c r="Q100" s="883" t="s">
        <v>130</v>
      </c>
      <c r="R100" s="883"/>
      <c r="S100" s="236"/>
      <c r="T100" s="236"/>
      <c r="U100" s="236"/>
      <c r="V100" s="240"/>
      <c r="W100" s="452"/>
      <c r="X100" s="452"/>
      <c r="Y100" s="452"/>
      <c r="Z100" s="452"/>
      <c r="AA100" s="452"/>
      <c r="AB100" s="452"/>
      <c r="AC100" s="452"/>
      <c r="AD100" s="452"/>
      <c r="AE100" s="452"/>
      <c r="AF100" s="452"/>
      <c r="AG100" s="452"/>
      <c r="AH100" s="452"/>
    </row>
    <row r="101" spans="1:34" s="618" customFormat="1" ht="15.95" customHeight="1">
      <c r="A101" s="852"/>
      <c r="B101" s="886"/>
      <c r="C101" s="646"/>
      <c r="D101" s="195"/>
      <c r="E101" s="233" t="s">
        <v>135</v>
      </c>
      <c r="F101" s="234"/>
      <c r="G101" s="233"/>
      <c r="H101" s="883"/>
      <c r="I101" s="883" t="s">
        <v>130</v>
      </c>
      <c r="J101" s="883"/>
      <c r="K101" s="659"/>
      <c r="L101" s="659"/>
      <c r="M101" s="883" t="s">
        <v>169</v>
      </c>
      <c r="N101" s="883"/>
      <c r="O101" s="883"/>
      <c r="P101" s="883"/>
      <c r="Q101" s="883" t="s">
        <v>130</v>
      </c>
      <c r="R101" s="883"/>
      <c r="S101" s="236"/>
      <c r="T101" s="236"/>
      <c r="U101" s="236"/>
      <c r="V101" s="240"/>
      <c r="W101" s="452"/>
      <c r="X101" s="452"/>
      <c r="Y101" s="452"/>
      <c r="Z101" s="452"/>
      <c r="AA101" s="452"/>
      <c r="AB101" s="452"/>
      <c r="AC101" s="452"/>
      <c r="AD101" s="452"/>
      <c r="AE101" s="452"/>
      <c r="AF101" s="452"/>
      <c r="AG101" s="452"/>
      <c r="AH101" s="452"/>
    </row>
    <row r="102" spans="1:34" s="618" customFormat="1" ht="16.350000000000001" customHeight="1">
      <c r="A102" s="852"/>
      <c r="B102" s="201" t="s">
        <v>136</v>
      </c>
      <c r="C102" s="201"/>
      <c r="D102" s="201"/>
      <c r="E102" s="201"/>
      <c r="F102" s="202"/>
      <c r="G102" s="233"/>
      <c r="H102" s="883"/>
      <c r="I102" s="883" t="s">
        <v>130</v>
      </c>
      <c r="J102" s="883"/>
      <c r="K102" s="659"/>
      <c r="L102" s="659"/>
      <c r="M102" s="883" t="s">
        <v>169</v>
      </c>
      <c r="N102" s="883"/>
      <c r="O102" s="883"/>
      <c r="P102" s="883"/>
      <c r="Q102" s="883" t="s">
        <v>130</v>
      </c>
      <c r="R102" s="883"/>
      <c r="S102" s="236"/>
      <c r="T102" s="236"/>
      <c r="U102" s="236"/>
      <c r="V102" s="240"/>
      <c r="W102" s="452"/>
      <c r="X102" s="452"/>
      <c r="Y102" s="452"/>
      <c r="Z102" s="452"/>
      <c r="AA102" s="452"/>
      <c r="AB102" s="452"/>
      <c r="AC102" s="452"/>
      <c r="AD102" s="452"/>
      <c r="AE102" s="452"/>
      <c r="AF102" s="452"/>
      <c r="AG102" s="452"/>
      <c r="AH102" s="452"/>
    </row>
    <row r="103" spans="1:34" s="618" customFormat="1" ht="16.350000000000001" customHeight="1" thickBot="1">
      <c r="A103" s="891"/>
      <c r="B103" s="887" t="s">
        <v>137</v>
      </c>
      <c r="C103" s="672"/>
      <c r="D103" s="672"/>
      <c r="E103" s="672"/>
      <c r="F103" s="244"/>
      <c r="G103" s="673"/>
      <c r="H103" s="674"/>
      <c r="I103" s="674"/>
      <c r="J103" s="674"/>
      <c r="K103" s="888"/>
      <c r="L103" s="675" t="s">
        <v>172</v>
      </c>
      <c r="M103" s="672"/>
      <c r="N103" s="672"/>
      <c r="O103" s="677"/>
      <c r="P103" s="678"/>
      <c r="Q103" s="678"/>
      <c r="R103" s="889"/>
      <c r="S103" s="889"/>
      <c r="T103" s="890"/>
      <c r="U103" s="889"/>
      <c r="V103" s="679"/>
      <c r="W103" s="452"/>
      <c r="X103" s="452"/>
      <c r="Y103" s="452"/>
      <c r="Z103" s="452"/>
      <c r="AA103" s="452"/>
      <c r="AB103" s="452"/>
      <c r="AC103" s="452"/>
      <c r="AD103" s="452"/>
      <c r="AE103" s="452"/>
      <c r="AF103" s="452"/>
      <c r="AG103" s="452"/>
      <c r="AH103" s="452"/>
    </row>
    <row r="104" spans="1:34" ht="15.95" customHeight="1">
      <c r="A104" s="448"/>
      <c r="B104" s="911"/>
      <c r="C104" s="911"/>
      <c r="D104" s="911"/>
      <c r="E104" s="911"/>
      <c r="F104" s="911"/>
      <c r="G104" s="911"/>
      <c r="H104" s="911"/>
      <c r="I104" s="911"/>
      <c r="J104" s="911"/>
      <c r="K104" s="911"/>
      <c r="L104" s="911"/>
      <c r="M104" s="911"/>
      <c r="N104" s="911"/>
      <c r="O104" s="911"/>
      <c r="P104" s="911"/>
      <c r="Q104" s="911"/>
      <c r="R104" s="911"/>
      <c r="S104" s="911"/>
      <c r="T104" s="911"/>
      <c r="U104" s="911"/>
      <c r="V104" s="911"/>
    </row>
    <row r="105" spans="1:34" ht="15.95" customHeight="1">
      <c r="A105" s="912"/>
      <c r="B105" s="911"/>
      <c r="C105" s="911"/>
      <c r="D105" s="911"/>
      <c r="E105" s="911"/>
      <c r="F105" s="911"/>
      <c r="G105" s="911"/>
      <c r="H105" s="911"/>
      <c r="I105" s="911"/>
      <c r="J105" s="911"/>
      <c r="K105" s="911"/>
      <c r="L105" s="911"/>
      <c r="M105" s="911"/>
      <c r="N105" s="911"/>
      <c r="O105" s="911"/>
      <c r="P105" s="911"/>
      <c r="Q105" s="911"/>
      <c r="R105" s="911"/>
      <c r="S105" s="911"/>
      <c r="T105" s="911"/>
      <c r="U105" s="911"/>
      <c r="V105" s="911"/>
    </row>
    <row r="106" spans="1:34" ht="12.75" customHeight="1">
      <c r="A106" s="448"/>
      <c r="B106" s="913"/>
      <c r="C106" s="913"/>
      <c r="D106" s="913"/>
      <c r="E106" s="913"/>
      <c r="F106" s="913"/>
      <c r="G106" s="913"/>
      <c r="H106" s="913"/>
      <c r="I106" s="913"/>
      <c r="J106" s="913"/>
      <c r="K106" s="913"/>
      <c r="L106" s="913"/>
      <c r="M106" s="913"/>
      <c r="N106" s="913"/>
      <c r="O106" s="913"/>
      <c r="P106" s="913"/>
      <c r="Q106" s="913"/>
      <c r="R106" s="913"/>
      <c r="S106" s="913"/>
      <c r="T106" s="913"/>
      <c r="U106" s="913"/>
      <c r="V106" s="913"/>
    </row>
    <row r="108" spans="1:34" s="914" customFormat="1"/>
    <row r="110" spans="1:34" s="914" customFormat="1"/>
    <row r="112" spans="1:34" s="914" customFormat="1"/>
  </sheetData>
  <mergeCells count="618">
    <mergeCell ref="B104:V105"/>
    <mergeCell ref="Q102:R102"/>
    <mergeCell ref="S102:V102"/>
    <mergeCell ref="B103:F103"/>
    <mergeCell ref="G103:J103"/>
    <mergeCell ref="M103:N103"/>
    <mergeCell ref="P103:Q103"/>
    <mergeCell ref="B102:F102"/>
    <mergeCell ref="G102:H102"/>
    <mergeCell ref="I102:J102"/>
    <mergeCell ref="K102:L102"/>
    <mergeCell ref="M102:N102"/>
    <mergeCell ref="O102:P102"/>
    <mergeCell ref="S100:V100"/>
    <mergeCell ref="E101:F101"/>
    <mergeCell ref="G101:H101"/>
    <mergeCell ref="I101:J101"/>
    <mergeCell ref="K101:L101"/>
    <mergeCell ref="M101:N101"/>
    <mergeCell ref="O101:P101"/>
    <mergeCell ref="Q101:R101"/>
    <mergeCell ref="S101:V101"/>
    <mergeCell ref="O99:P99"/>
    <mergeCell ref="Q99:R99"/>
    <mergeCell ref="S99:V99"/>
    <mergeCell ref="E100:F100"/>
    <mergeCell ref="G100:H100"/>
    <mergeCell ref="I100:J100"/>
    <mergeCell ref="K100:L100"/>
    <mergeCell ref="M100:N100"/>
    <mergeCell ref="O100:P100"/>
    <mergeCell ref="Q100:R100"/>
    <mergeCell ref="C99:D101"/>
    <mergeCell ref="E99:F99"/>
    <mergeCell ref="G99:H99"/>
    <mergeCell ref="I99:J99"/>
    <mergeCell ref="K99:L99"/>
    <mergeCell ref="M99:N99"/>
    <mergeCell ref="G97:L97"/>
    <mergeCell ref="M97:V97"/>
    <mergeCell ref="B98:F98"/>
    <mergeCell ref="G98:H98"/>
    <mergeCell ref="I98:J98"/>
    <mergeCell ref="K98:L98"/>
    <mergeCell ref="M98:N98"/>
    <mergeCell ref="O98:P98"/>
    <mergeCell ref="Q98:R98"/>
    <mergeCell ref="S98:V98"/>
    <mergeCell ref="U95:V95"/>
    <mergeCell ref="G96:H96"/>
    <mergeCell ref="I96:J96"/>
    <mergeCell ref="K96:L96"/>
    <mergeCell ref="M96:N96"/>
    <mergeCell ref="O96:P96"/>
    <mergeCell ref="Q96:R96"/>
    <mergeCell ref="S96:T96"/>
    <mergeCell ref="U96:V96"/>
    <mergeCell ref="A94:A103"/>
    <mergeCell ref="B94:V94"/>
    <mergeCell ref="B95:F97"/>
    <mergeCell ref="G95:H95"/>
    <mergeCell ref="I95:J95"/>
    <mergeCell ref="K95:L95"/>
    <mergeCell ref="M95:N95"/>
    <mergeCell ref="O95:P95"/>
    <mergeCell ref="Q95:R95"/>
    <mergeCell ref="S95:T95"/>
    <mergeCell ref="Q92:R92"/>
    <mergeCell ref="S92:V92"/>
    <mergeCell ref="B93:F93"/>
    <mergeCell ref="G93:J93"/>
    <mergeCell ref="M93:N93"/>
    <mergeCell ref="P93:Q93"/>
    <mergeCell ref="B92:F92"/>
    <mergeCell ref="G92:H92"/>
    <mergeCell ref="I92:J92"/>
    <mergeCell ref="K92:L92"/>
    <mergeCell ref="M92:N92"/>
    <mergeCell ref="O92:P92"/>
    <mergeCell ref="S90:V90"/>
    <mergeCell ref="E91:F91"/>
    <mergeCell ref="G91:H91"/>
    <mergeCell ref="I91:J91"/>
    <mergeCell ref="K91:L91"/>
    <mergeCell ref="M91:N91"/>
    <mergeCell ref="O91:P91"/>
    <mergeCell ref="Q91:R91"/>
    <mergeCell ref="S91:V91"/>
    <mergeCell ref="O89:P89"/>
    <mergeCell ref="Q89:R89"/>
    <mergeCell ref="S89:V89"/>
    <mergeCell ref="E90:F90"/>
    <mergeCell ref="G90:H90"/>
    <mergeCell ref="I90:J90"/>
    <mergeCell ref="K90:L90"/>
    <mergeCell ref="M90:N90"/>
    <mergeCell ref="O90:P90"/>
    <mergeCell ref="Q90:R90"/>
    <mergeCell ref="C89:D91"/>
    <mergeCell ref="E89:F89"/>
    <mergeCell ref="G89:H89"/>
    <mergeCell ref="I89:J89"/>
    <mergeCell ref="K89:L89"/>
    <mergeCell ref="M89:N89"/>
    <mergeCell ref="G87:L87"/>
    <mergeCell ref="M87:V87"/>
    <mergeCell ref="B88:F88"/>
    <mergeCell ref="G88:H88"/>
    <mergeCell ref="I88:J88"/>
    <mergeCell ref="K88:L88"/>
    <mergeCell ref="M88:N88"/>
    <mergeCell ref="O88:P88"/>
    <mergeCell ref="Q88:R88"/>
    <mergeCell ref="S88:V88"/>
    <mergeCell ref="U85:V85"/>
    <mergeCell ref="G86:H86"/>
    <mergeCell ref="I86:J86"/>
    <mergeCell ref="K86:L86"/>
    <mergeCell ref="M86:N86"/>
    <mergeCell ref="O86:P86"/>
    <mergeCell ref="Q86:R86"/>
    <mergeCell ref="S86:T86"/>
    <mergeCell ref="U86:V86"/>
    <mergeCell ref="A84:A93"/>
    <mergeCell ref="B84:V84"/>
    <mergeCell ref="B85:F87"/>
    <mergeCell ref="G85:H85"/>
    <mergeCell ref="I85:J85"/>
    <mergeCell ref="K85:L85"/>
    <mergeCell ref="M85:N85"/>
    <mergeCell ref="O85:P85"/>
    <mergeCell ref="Q85:R85"/>
    <mergeCell ref="S85:T85"/>
    <mergeCell ref="Q82:R82"/>
    <mergeCell ref="S82:V82"/>
    <mergeCell ref="B83:F83"/>
    <mergeCell ref="G83:J83"/>
    <mergeCell ref="M83:N83"/>
    <mergeCell ref="P83:Q83"/>
    <mergeCell ref="B82:F82"/>
    <mergeCell ref="G82:H82"/>
    <mergeCell ref="I82:J82"/>
    <mergeCell ref="K82:L82"/>
    <mergeCell ref="M82:N82"/>
    <mergeCell ref="O82:P82"/>
    <mergeCell ref="S80:V80"/>
    <mergeCell ref="E81:F81"/>
    <mergeCell ref="G81:H81"/>
    <mergeCell ref="I81:J81"/>
    <mergeCell ref="K81:L81"/>
    <mergeCell ref="M81:N81"/>
    <mergeCell ref="O81:P81"/>
    <mergeCell ref="Q81:R81"/>
    <mergeCell ref="S81:V81"/>
    <mergeCell ref="O79:P79"/>
    <mergeCell ref="Q79:R79"/>
    <mergeCell ref="S79:V79"/>
    <mergeCell ref="E80:F80"/>
    <mergeCell ref="G80:H80"/>
    <mergeCell ref="I80:J80"/>
    <mergeCell ref="K80:L80"/>
    <mergeCell ref="M80:N80"/>
    <mergeCell ref="O80:P80"/>
    <mergeCell ref="Q80:R80"/>
    <mergeCell ref="C79:D81"/>
    <mergeCell ref="E79:F79"/>
    <mergeCell ref="G79:H79"/>
    <mergeCell ref="I79:J79"/>
    <mergeCell ref="K79:L79"/>
    <mergeCell ref="M79:N79"/>
    <mergeCell ref="G77:L77"/>
    <mergeCell ref="M77:V77"/>
    <mergeCell ref="B78:F78"/>
    <mergeCell ref="G78:H78"/>
    <mergeCell ref="I78:J78"/>
    <mergeCell ref="K78:L78"/>
    <mergeCell ref="M78:N78"/>
    <mergeCell ref="O78:P78"/>
    <mergeCell ref="Q78:R78"/>
    <mergeCell ref="S78:V78"/>
    <mergeCell ref="U75:V75"/>
    <mergeCell ref="G76:H76"/>
    <mergeCell ref="I76:J76"/>
    <mergeCell ref="K76:L76"/>
    <mergeCell ref="M76:N76"/>
    <mergeCell ref="O76:P76"/>
    <mergeCell ref="Q76:R76"/>
    <mergeCell ref="S76:T76"/>
    <mergeCell ref="U76:V76"/>
    <mergeCell ref="A74:A83"/>
    <mergeCell ref="B74:V74"/>
    <mergeCell ref="B75:F77"/>
    <mergeCell ref="G75:H75"/>
    <mergeCell ref="I75:J75"/>
    <mergeCell ref="K75:L75"/>
    <mergeCell ref="M75:N75"/>
    <mergeCell ref="O75:P75"/>
    <mergeCell ref="Q75:R75"/>
    <mergeCell ref="S75:T75"/>
    <mergeCell ref="Q70:V70"/>
    <mergeCell ref="E71:F71"/>
    <mergeCell ref="G71:V71"/>
    <mergeCell ref="A72:V72"/>
    <mergeCell ref="A73:H73"/>
    <mergeCell ref="I73:J73"/>
    <mergeCell ref="M73:S73"/>
    <mergeCell ref="T73:U73"/>
    <mergeCell ref="B70:D71"/>
    <mergeCell ref="E70:F70"/>
    <mergeCell ref="G70:J70"/>
    <mergeCell ref="K70:L70"/>
    <mergeCell ref="M70:N70"/>
    <mergeCell ref="O70:P70"/>
    <mergeCell ref="K66:L66"/>
    <mergeCell ref="N66:V66"/>
    <mergeCell ref="E67:G68"/>
    <mergeCell ref="J67:N68"/>
    <mergeCell ref="Q67:V68"/>
    <mergeCell ref="E69:V69"/>
    <mergeCell ref="A62:V62"/>
    <mergeCell ref="A63:V63"/>
    <mergeCell ref="A64:A71"/>
    <mergeCell ref="B64:D64"/>
    <mergeCell ref="E64:V64"/>
    <mergeCell ref="B65:D65"/>
    <mergeCell ref="E65:V65"/>
    <mergeCell ref="B66:D69"/>
    <mergeCell ref="E66:G66"/>
    <mergeCell ref="H66:I66"/>
    <mergeCell ref="Q58:R58"/>
    <mergeCell ref="S58:V58"/>
    <mergeCell ref="B59:F59"/>
    <mergeCell ref="G59:J59"/>
    <mergeCell ref="M59:N59"/>
    <mergeCell ref="P59:Q59"/>
    <mergeCell ref="B58:F58"/>
    <mergeCell ref="G58:H58"/>
    <mergeCell ref="I58:J58"/>
    <mergeCell ref="K58:L58"/>
    <mergeCell ref="M58:N58"/>
    <mergeCell ref="O58:P58"/>
    <mergeCell ref="S56:V56"/>
    <mergeCell ref="E57:F57"/>
    <mergeCell ref="G57:H57"/>
    <mergeCell ref="I57:J57"/>
    <mergeCell ref="K57:L57"/>
    <mergeCell ref="M57:N57"/>
    <mergeCell ref="O57:P57"/>
    <mergeCell ref="Q57:R57"/>
    <mergeCell ref="S57:V57"/>
    <mergeCell ref="O55:P55"/>
    <mergeCell ref="Q55:R55"/>
    <mergeCell ref="S55:V55"/>
    <mergeCell ref="E56:F56"/>
    <mergeCell ref="G56:H56"/>
    <mergeCell ref="I56:J56"/>
    <mergeCell ref="K56:L56"/>
    <mergeCell ref="M56:N56"/>
    <mergeCell ref="O56:P56"/>
    <mergeCell ref="Q56:R56"/>
    <mergeCell ref="C55:D57"/>
    <mergeCell ref="E55:F55"/>
    <mergeCell ref="G55:H55"/>
    <mergeCell ref="I55:J55"/>
    <mergeCell ref="K55:L55"/>
    <mergeCell ref="M55:N55"/>
    <mergeCell ref="G53:L53"/>
    <mergeCell ref="M53:V53"/>
    <mergeCell ref="B54:F54"/>
    <mergeCell ref="G54:H54"/>
    <mergeCell ref="I54:J54"/>
    <mergeCell ref="K54:L54"/>
    <mergeCell ref="M54:N54"/>
    <mergeCell ref="O54:P54"/>
    <mergeCell ref="Q54:R54"/>
    <mergeCell ref="S54:V54"/>
    <mergeCell ref="S51:T51"/>
    <mergeCell ref="U51:V51"/>
    <mergeCell ref="G52:H52"/>
    <mergeCell ref="I52:J52"/>
    <mergeCell ref="K52:L52"/>
    <mergeCell ref="M52:N52"/>
    <mergeCell ref="O52:P52"/>
    <mergeCell ref="Q52:R52"/>
    <mergeCell ref="S52:T52"/>
    <mergeCell ref="U52:V52"/>
    <mergeCell ref="S49:T49"/>
    <mergeCell ref="U49:V49"/>
    <mergeCell ref="B50:V50"/>
    <mergeCell ref="B51:F53"/>
    <mergeCell ref="G51:H51"/>
    <mergeCell ref="I51:J51"/>
    <mergeCell ref="K51:L51"/>
    <mergeCell ref="M51:N51"/>
    <mergeCell ref="O51:P51"/>
    <mergeCell ref="Q51:R51"/>
    <mergeCell ref="Q48:R48"/>
    <mergeCell ref="S48:T48"/>
    <mergeCell ref="U48:V48"/>
    <mergeCell ref="C49:F49"/>
    <mergeCell ref="G49:H49"/>
    <mergeCell ref="I49:J49"/>
    <mergeCell ref="K49:L49"/>
    <mergeCell ref="M49:N49"/>
    <mergeCell ref="O49:P49"/>
    <mergeCell ref="Q49:R49"/>
    <mergeCell ref="C48:F48"/>
    <mergeCell ref="G48:H48"/>
    <mergeCell ref="I48:J48"/>
    <mergeCell ref="K48:L48"/>
    <mergeCell ref="M48:N48"/>
    <mergeCell ref="O48:P48"/>
    <mergeCell ref="K47:L47"/>
    <mergeCell ref="M47:N47"/>
    <mergeCell ref="O47:P47"/>
    <mergeCell ref="Q47:R47"/>
    <mergeCell ref="S47:T47"/>
    <mergeCell ref="U47:V47"/>
    <mergeCell ref="Q45:R45"/>
    <mergeCell ref="S45:T45"/>
    <mergeCell ref="U45:V45"/>
    <mergeCell ref="B46:F47"/>
    <mergeCell ref="G46:J46"/>
    <mergeCell ref="K46:N46"/>
    <mergeCell ref="O46:R46"/>
    <mergeCell ref="S46:V46"/>
    <mergeCell ref="G47:H47"/>
    <mergeCell ref="I47:J47"/>
    <mergeCell ref="O44:P44"/>
    <mergeCell ref="Q44:R44"/>
    <mergeCell ref="S44:T44"/>
    <mergeCell ref="U44:V44"/>
    <mergeCell ref="C45:F45"/>
    <mergeCell ref="G45:H45"/>
    <mergeCell ref="I45:J45"/>
    <mergeCell ref="K45:L45"/>
    <mergeCell ref="M45:N45"/>
    <mergeCell ref="O45:P45"/>
    <mergeCell ref="M43:N43"/>
    <mergeCell ref="O43:P43"/>
    <mergeCell ref="Q43:R43"/>
    <mergeCell ref="S43:T43"/>
    <mergeCell ref="U43:V43"/>
    <mergeCell ref="C44:F44"/>
    <mergeCell ref="G44:H44"/>
    <mergeCell ref="I44:J44"/>
    <mergeCell ref="K44:L44"/>
    <mergeCell ref="M44:N44"/>
    <mergeCell ref="A41:A59"/>
    <mergeCell ref="B41:V41"/>
    <mergeCell ref="B42:F43"/>
    <mergeCell ref="G42:J42"/>
    <mergeCell ref="K42:N42"/>
    <mergeCell ref="O42:R42"/>
    <mergeCell ref="S42:V42"/>
    <mergeCell ref="G43:H43"/>
    <mergeCell ref="I43:J43"/>
    <mergeCell ref="K43:L43"/>
    <mergeCell ref="Q39:R39"/>
    <mergeCell ref="S39:V39"/>
    <mergeCell ref="B40:F40"/>
    <mergeCell ref="G40:J40"/>
    <mergeCell ref="M40:N40"/>
    <mergeCell ref="P40:Q40"/>
    <mergeCell ref="B39:F39"/>
    <mergeCell ref="G39:H39"/>
    <mergeCell ref="I39:J39"/>
    <mergeCell ref="K39:L39"/>
    <mergeCell ref="M39:N39"/>
    <mergeCell ref="O39:P39"/>
    <mergeCell ref="S37:V37"/>
    <mergeCell ref="E38:F38"/>
    <mergeCell ref="G38:H38"/>
    <mergeCell ref="I38:J38"/>
    <mergeCell ref="K38:L38"/>
    <mergeCell ref="M38:N38"/>
    <mergeCell ref="O38:P38"/>
    <mergeCell ref="Q38:R38"/>
    <mergeCell ref="S38:V38"/>
    <mergeCell ref="O36:P36"/>
    <mergeCell ref="Q36:R36"/>
    <mergeCell ref="S36:V36"/>
    <mergeCell ref="E37:F37"/>
    <mergeCell ref="G37:H37"/>
    <mergeCell ref="I37:J37"/>
    <mergeCell ref="K37:L37"/>
    <mergeCell ref="M37:N37"/>
    <mergeCell ref="O37:P37"/>
    <mergeCell ref="Q37:R37"/>
    <mergeCell ref="C36:D38"/>
    <mergeCell ref="E36:F36"/>
    <mergeCell ref="G36:H36"/>
    <mergeCell ref="I36:J36"/>
    <mergeCell ref="K36:L36"/>
    <mergeCell ref="M36:N36"/>
    <mergeCell ref="G34:L34"/>
    <mergeCell ref="M34:V34"/>
    <mergeCell ref="B35:F35"/>
    <mergeCell ref="G35:H35"/>
    <mergeCell ref="I35:J35"/>
    <mergeCell ref="K35:L35"/>
    <mergeCell ref="M35:N35"/>
    <mergeCell ref="O35:P35"/>
    <mergeCell ref="Q35:R35"/>
    <mergeCell ref="S35:V35"/>
    <mergeCell ref="S32:T32"/>
    <mergeCell ref="U32:V32"/>
    <mergeCell ref="G33:H33"/>
    <mergeCell ref="I33:J33"/>
    <mergeCell ref="K33:L33"/>
    <mergeCell ref="M33:N33"/>
    <mergeCell ref="O33:P33"/>
    <mergeCell ref="Q33:R33"/>
    <mergeCell ref="S33:T33"/>
    <mergeCell ref="U33:V33"/>
    <mergeCell ref="S30:T30"/>
    <mergeCell ref="U30:V30"/>
    <mergeCell ref="B31:V31"/>
    <mergeCell ref="B32:F34"/>
    <mergeCell ref="G32:H32"/>
    <mergeCell ref="I32:J32"/>
    <mergeCell ref="K32:L32"/>
    <mergeCell ref="M32:N32"/>
    <mergeCell ref="O32:P32"/>
    <mergeCell ref="Q32:R32"/>
    <mergeCell ref="Q29:R29"/>
    <mergeCell ref="S29:T29"/>
    <mergeCell ref="U29:V29"/>
    <mergeCell ref="C30:F30"/>
    <mergeCell ref="G30:H30"/>
    <mergeCell ref="I30:J30"/>
    <mergeCell ref="K30:L30"/>
    <mergeCell ref="M30:N30"/>
    <mergeCell ref="O30:P30"/>
    <mergeCell ref="Q30:R30"/>
    <mergeCell ref="C29:F29"/>
    <mergeCell ref="G29:H29"/>
    <mergeCell ref="I29:J29"/>
    <mergeCell ref="K29:L29"/>
    <mergeCell ref="M29:N29"/>
    <mergeCell ref="O29:P29"/>
    <mergeCell ref="K28:L28"/>
    <mergeCell ref="M28:N28"/>
    <mergeCell ref="O28:P28"/>
    <mergeCell ref="Q28:R28"/>
    <mergeCell ref="S28:T28"/>
    <mergeCell ref="U28:V28"/>
    <mergeCell ref="Q26:R26"/>
    <mergeCell ref="S26:T26"/>
    <mergeCell ref="U26:V26"/>
    <mergeCell ref="B27:F28"/>
    <mergeCell ref="G27:J27"/>
    <mergeCell ref="K27:N27"/>
    <mergeCell ref="O27:R27"/>
    <mergeCell ref="S27:V27"/>
    <mergeCell ref="G28:H28"/>
    <mergeCell ref="I28:J28"/>
    <mergeCell ref="O25:P25"/>
    <mergeCell ref="Q25:R25"/>
    <mergeCell ref="S25:T25"/>
    <mergeCell ref="U25:V25"/>
    <mergeCell ref="C26:F26"/>
    <mergeCell ref="G26:H26"/>
    <mergeCell ref="I26:J26"/>
    <mergeCell ref="K26:L26"/>
    <mergeCell ref="M26:N26"/>
    <mergeCell ref="O26:P26"/>
    <mergeCell ref="M24:N24"/>
    <mergeCell ref="O24:P24"/>
    <mergeCell ref="Q24:R24"/>
    <mergeCell ref="S24:T24"/>
    <mergeCell ref="U24:V24"/>
    <mergeCell ref="C25:F25"/>
    <mergeCell ref="G25:H25"/>
    <mergeCell ref="I25:J25"/>
    <mergeCell ref="K25:L25"/>
    <mergeCell ref="M25:N25"/>
    <mergeCell ref="A22:A40"/>
    <mergeCell ref="B22:V22"/>
    <mergeCell ref="B23:F24"/>
    <mergeCell ref="G23:J23"/>
    <mergeCell ref="K23:N23"/>
    <mergeCell ref="O23:R23"/>
    <mergeCell ref="S23:V23"/>
    <mergeCell ref="G24:H24"/>
    <mergeCell ref="I24:J24"/>
    <mergeCell ref="K24:L24"/>
    <mergeCell ref="Q20:R20"/>
    <mergeCell ref="S20:V20"/>
    <mergeCell ref="B21:F21"/>
    <mergeCell ref="G21:J21"/>
    <mergeCell ref="M21:N21"/>
    <mergeCell ref="P21:Q21"/>
    <mergeCell ref="B20:F20"/>
    <mergeCell ref="G20:H20"/>
    <mergeCell ref="I20:J20"/>
    <mergeCell ref="K20:L20"/>
    <mergeCell ref="M20:N20"/>
    <mergeCell ref="O20:P20"/>
    <mergeCell ref="S18:V18"/>
    <mergeCell ref="E19:F19"/>
    <mergeCell ref="G19:H19"/>
    <mergeCell ref="I19:J19"/>
    <mergeCell ref="K19:L19"/>
    <mergeCell ref="M19:N19"/>
    <mergeCell ref="O19:P19"/>
    <mergeCell ref="Q19:R19"/>
    <mergeCell ref="S19:V19"/>
    <mergeCell ref="O17:P17"/>
    <mergeCell ref="Q17:R17"/>
    <mergeCell ref="S17:V17"/>
    <mergeCell ref="E18:F18"/>
    <mergeCell ref="G18:H18"/>
    <mergeCell ref="I18:J18"/>
    <mergeCell ref="K18:L18"/>
    <mergeCell ref="M18:N18"/>
    <mergeCell ref="O18:P18"/>
    <mergeCell ref="Q18:R18"/>
    <mergeCell ref="C17:D19"/>
    <mergeCell ref="E17:F17"/>
    <mergeCell ref="G17:H17"/>
    <mergeCell ref="I17:J17"/>
    <mergeCell ref="K17:L17"/>
    <mergeCell ref="M17:N17"/>
    <mergeCell ref="G15:L15"/>
    <mergeCell ref="M15:V15"/>
    <mergeCell ref="B16:F16"/>
    <mergeCell ref="G16:H16"/>
    <mergeCell ref="I16:J16"/>
    <mergeCell ref="K16:L16"/>
    <mergeCell ref="M16:N16"/>
    <mergeCell ref="O16:P16"/>
    <mergeCell ref="Q16:R16"/>
    <mergeCell ref="S16:V16"/>
    <mergeCell ref="S13:T13"/>
    <mergeCell ref="U13:V13"/>
    <mergeCell ref="G14:H14"/>
    <mergeCell ref="I14:J14"/>
    <mergeCell ref="K14:L14"/>
    <mergeCell ref="M14:N14"/>
    <mergeCell ref="O14:P14"/>
    <mergeCell ref="Q14:R14"/>
    <mergeCell ref="S14:T14"/>
    <mergeCell ref="U14:V14"/>
    <mergeCell ref="S11:T11"/>
    <mergeCell ref="U11:V11"/>
    <mergeCell ref="B12:V12"/>
    <mergeCell ref="B13:F15"/>
    <mergeCell ref="G13:H13"/>
    <mergeCell ref="I13:J13"/>
    <mergeCell ref="K13:L13"/>
    <mergeCell ref="M13:N13"/>
    <mergeCell ref="O13:P13"/>
    <mergeCell ref="Q13:R13"/>
    <mergeCell ref="Q10:R10"/>
    <mergeCell ref="S10:T10"/>
    <mergeCell ref="U10:V10"/>
    <mergeCell ref="C11:F11"/>
    <mergeCell ref="G11:H11"/>
    <mergeCell ref="I11:J11"/>
    <mergeCell ref="K11:L11"/>
    <mergeCell ref="M11:N11"/>
    <mergeCell ref="O11:P11"/>
    <mergeCell ref="Q11:R11"/>
    <mergeCell ref="C10:F10"/>
    <mergeCell ref="G10:H10"/>
    <mergeCell ref="I10:J10"/>
    <mergeCell ref="K10:L10"/>
    <mergeCell ref="M10:N10"/>
    <mergeCell ref="O10:P10"/>
    <mergeCell ref="K9:L9"/>
    <mergeCell ref="M9:N9"/>
    <mergeCell ref="O9:P9"/>
    <mergeCell ref="Q9:R9"/>
    <mergeCell ref="S9:T9"/>
    <mergeCell ref="U9:V9"/>
    <mergeCell ref="Q7:R7"/>
    <mergeCell ref="S7:T7"/>
    <mergeCell ref="U7:V7"/>
    <mergeCell ref="B8:F9"/>
    <mergeCell ref="G8:J8"/>
    <mergeCell ref="K8:N8"/>
    <mergeCell ref="O8:R8"/>
    <mergeCell ref="S8:V8"/>
    <mergeCell ref="G9:H9"/>
    <mergeCell ref="I9:J9"/>
    <mergeCell ref="C7:F7"/>
    <mergeCell ref="G7:H7"/>
    <mergeCell ref="I7:J7"/>
    <mergeCell ref="K7:L7"/>
    <mergeCell ref="M7:N7"/>
    <mergeCell ref="O7:P7"/>
    <mergeCell ref="U5:V5"/>
    <mergeCell ref="C6:F6"/>
    <mergeCell ref="G6:H6"/>
    <mergeCell ref="I6:J6"/>
    <mergeCell ref="K6:L6"/>
    <mergeCell ref="M6:N6"/>
    <mergeCell ref="O6:P6"/>
    <mergeCell ref="Q6:R6"/>
    <mergeCell ref="S6:T6"/>
    <mergeCell ref="U6:V6"/>
    <mergeCell ref="I5:J5"/>
    <mergeCell ref="K5:L5"/>
    <mergeCell ref="M5:N5"/>
    <mergeCell ref="O5:P5"/>
    <mergeCell ref="Q5:R5"/>
    <mergeCell ref="S5:T5"/>
    <mergeCell ref="A1:V1"/>
    <mergeCell ref="A2:V2"/>
    <mergeCell ref="A3:A21"/>
    <mergeCell ref="B3:V3"/>
    <mergeCell ref="B4:F5"/>
    <mergeCell ref="G4:J4"/>
    <mergeCell ref="K4:N4"/>
    <mergeCell ref="O4:R4"/>
    <mergeCell ref="S4:V4"/>
    <mergeCell ref="G5:H5"/>
  </mergeCells>
  <phoneticPr fontId="3"/>
  <dataValidations count="1">
    <dataValidation type="list" allowBlank="1" showInputMessage="1" showErrorMessage="1" sqref="G14:V14 G33:V33 G52:V52 G76:V76 G96:V96 G86:V86" xr:uid="{4DEA3E04-BF2A-4DA8-9F07-F1D3B1784E54}">
      <formula1>"〇"</formula1>
    </dataValidation>
  </dataValidations>
  <printOptions horizontalCentered="1"/>
  <pageMargins left="0.70866141732283472" right="0.70866141732283472" top="0.74803149606299213" bottom="0.74803149606299213" header="0.31496062992125984" footer="0.31496062992125984"/>
  <pageSetup paperSize="9" scale="44" orientation="portrait" r:id="rId1"/>
  <headerFooter alignWithMargins="0"/>
  <rowBreaks count="1" manualBreakCount="1">
    <brk id="61" max="16383" man="1"/>
  </rowBreak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70DB949-2FB1-45C7-9D8E-42BCA2EF2CCE}">
  <sheetPr>
    <pageSetUpPr fitToPage="1"/>
  </sheetPr>
  <dimension ref="A1:AD54"/>
  <sheetViews>
    <sheetView view="pageBreakPreview" zoomScale="98" zoomScaleNormal="100" zoomScaleSheetLayoutView="98" workbookViewId="0">
      <selection activeCell="A2" sqref="A2:AK76"/>
    </sheetView>
  </sheetViews>
  <sheetFormatPr defaultColWidth="9.125" defaultRowHeight="16.5"/>
  <cols>
    <col min="1" max="1" width="8.75" style="2" customWidth="1"/>
    <col min="2" max="2" width="9.375" style="2" customWidth="1"/>
    <col min="3" max="3" width="8.625" style="2" customWidth="1"/>
    <col min="4" max="4" width="5.125" style="2" customWidth="1"/>
    <col min="5" max="5" width="3.125" style="2" customWidth="1"/>
    <col min="6" max="6" width="4.625" style="2" customWidth="1"/>
    <col min="7" max="7" width="5.375" style="2" customWidth="1"/>
    <col min="8" max="9" width="4.125" style="2" customWidth="1"/>
    <col min="10" max="10" width="3.625" style="2" customWidth="1"/>
    <col min="11" max="25" width="4.125" style="2" customWidth="1"/>
    <col min="26" max="26" width="8.25" style="2" customWidth="1"/>
    <col min="27" max="27" width="8.625" style="2" customWidth="1"/>
    <col min="28" max="28" width="6.5" style="2" customWidth="1"/>
    <col min="29" max="16384" width="9.125" style="2"/>
  </cols>
  <sheetData>
    <row r="1" spans="1:30" ht="36" customHeight="1" thickBot="1">
      <c r="A1" s="594" t="s">
        <v>198</v>
      </c>
      <c r="B1" s="1046"/>
      <c r="C1" s="1046"/>
      <c r="D1" s="1046"/>
      <c r="E1" s="1046"/>
      <c r="F1" s="1046"/>
      <c r="G1" s="1046"/>
      <c r="H1" s="1046"/>
      <c r="I1" s="1046"/>
      <c r="J1" s="1046"/>
      <c r="K1" s="1046"/>
      <c r="L1" s="1046"/>
      <c r="M1" s="1046"/>
      <c r="N1" s="1046"/>
      <c r="O1" s="1046"/>
      <c r="P1" s="1046"/>
      <c r="Q1" s="1046"/>
      <c r="R1" s="1046"/>
      <c r="S1" s="1046"/>
      <c r="T1" s="1046"/>
      <c r="U1" s="1046"/>
      <c r="V1" s="1046"/>
      <c r="W1" s="1046"/>
      <c r="X1" s="1046"/>
      <c r="Y1" s="1046"/>
      <c r="Z1" s="1046"/>
      <c r="AA1" s="1046"/>
      <c r="AB1" s="1046"/>
    </row>
    <row r="2" spans="1:30" ht="15" customHeight="1">
      <c r="A2" s="3" t="s">
        <v>1</v>
      </c>
      <c r="B2" s="728" t="s">
        <v>2</v>
      </c>
      <c r="C2" s="729"/>
      <c r="D2" s="729"/>
      <c r="E2" s="730"/>
      <c r="F2" s="731"/>
      <c r="G2" s="731"/>
      <c r="H2" s="731"/>
      <c r="I2" s="731"/>
      <c r="J2" s="731"/>
      <c r="K2" s="731"/>
      <c r="L2" s="731"/>
      <c r="M2" s="731"/>
      <c r="N2" s="731"/>
      <c r="O2" s="731"/>
      <c r="P2" s="731"/>
      <c r="Q2" s="731"/>
      <c r="R2" s="731"/>
      <c r="S2" s="731"/>
      <c r="T2" s="731"/>
      <c r="U2" s="731"/>
      <c r="V2" s="731"/>
      <c r="W2" s="731"/>
      <c r="X2" s="731"/>
      <c r="Y2" s="731"/>
      <c r="Z2" s="731"/>
      <c r="AA2" s="731"/>
      <c r="AB2" s="732"/>
    </row>
    <row r="3" spans="1:30" ht="15" customHeight="1">
      <c r="A3" s="8"/>
      <c r="B3" s="30" t="s">
        <v>3</v>
      </c>
      <c r="C3" s="30"/>
      <c r="D3" s="30"/>
      <c r="E3" s="1047"/>
      <c r="F3" s="559"/>
      <c r="G3" s="559"/>
      <c r="H3" s="559"/>
      <c r="I3" s="559"/>
      <c r="J3" s="559"/>
      <c r="K3" s="559"/>
      <c r="L3" s="559"/>
      <c r="M3" s="559"/>
      <c r="N3" s="559"/>
      <c r="O3" s="559"/>
      <c r="P3" s="559"/>
      <c r="Q3" s="559"/>
      <c r="R3" s="559"/>
      <c r="S3" s="559"/>
      <c r="T3" s="559"/>
      <c r="U3" s="559"/>
      <c r="V3" s="559"/>
      <c r="W3" s="559"/>
      <c r="X3" s="559"/>
      <c r="Y3" s="559"/>
      <c r="Z3" s="559"/>
      <c r="AA3" s="559"/>
      <c r="AB3" s="1048"/>
    </row>
    <row r="4" spans="1:30" ht="30" customHeight="1">
      <c r="A4" s="8"/>
      <c r="B4" s="30" t="s">
        <v>92</v>
      </c>
      <c r="C4" s="30"/>
      <c r="D4" s="30"/>
      <c r="E4" s="1049"/>
      <c r="F4" s="1049"/>
      <c r="G4" s="1049"/>
      <c r="H4" s="1049"/>
      <c r="I4" s="1049"/>
      <c r="J4" s="1049"/>
      <c r="K4" s="1049"/>
      <c r="L4" s="1049"/>
      <c r="M4" s="1049"/>
      <c r="N4" s="1049"/>
      <c r="O4" s="1049"/>
      <c r="P4" s="1049"/>
      <c r="Q4" s="1049"/>
      <c r="R4" s="1049"/>
      <c r="S4" s="1049"/>
      <c r="T4" s="1049"/>
      <c r="U4" s="1049"/>
      <c r="V4" s="1049"/>
      <c r="W4" s="1049"/>
      <c r="X4" s="1049"/>
      <c r="Y4" s="1049"/>
      <c r="Z4" s="1049"/>
      <c r="AA4" s="1049"/>
      <c r="AB4" s="1050"/>
    </row>
    <row r="5" spans="1:30" ht="15" customHeight="1">
      <c r="A5" s="8"/>
      <c r="B5" s="30" t="s">
        <v>5</v>
      </c>
      <c r="C5" s="30"/>
      <c r="D5" s="30"/>
      <c r="E5" s="536" t="s">
        <v>199</v>
      </c>
      <c r="F5" s="121"/>
      <c r="G5" s="121"/>
      <c r="H5" s="121"/>
      <c r="I5" s="1051"/>
      <c r="J5" s="1051"/>
      <c r="K5" s="164" t="s">
        <v>7</v>
      </c>
      <c r="L5" s="1051"/>
      <c r="M5" s="1051"/>
      <c r="N5" s="164" t="s">
        <v>30</v>
      </c>
      <c r="O5" s="121"/>
      <c r="P5" s="121"/>
      <c r="Q5" s="121"/>
      <c r="R5" s="121"/>
      <c r="S5" s="121"/>
      <c r="T5" s="121"/>
      <c r="U5" s="121"/>
      <c r="V5" s="121"/>
      <c r="W5" s="121"/>
      <c r="X5" s="121"/>
      <c r="Y5" s="121"/>
      <c r="Z5" s="121"/>
      <c r="AA5" s="121"/>
      <c r="AB5" s="1052"/>
    </row>
    <row r="6" spans="1:30" ht="15" customHeight="1">
      <c r="A6" s="8"/>
      <c r="B6" s="30"/>
      <c r="C6" s="30"/>
      <c r="D6" s="30"/>
      <c r="E6" s="1053"/>
      <c r="F6" s="276"/>
      <c r="G6" s="276"/>
      <c r="H6" s="276"/>
      <c r="I6" s="277" t="s">
        <v>64</v>
      </c>
      <c r="J6" s="278" t="s">
        <v>65</v>
      </c>
      <c r="K6" s="276"/>
      <c r="L6" s="276"/>
      <c r="M6" s="276"/>
      <c r="N6" s="276"/>
      <c r="O6" s="276"/>
      <c r="P6" s="276"/>
      <c r="Q6" s="276"/>
      <c r="R6" s="277" t="s">
        <v>66</v>
      </c>
      <c r="S6" s="278" t="s">
        <v>67</v>
      </c>
      <c r="T6" s="1054"/>
      <c r="U6" s="1054"/>
      <c r="V6" s="1054"/>
      <c r="W6" s="1054"/>
      <c r="X6" s="1054"/>
      <c r="Y6" s="1054"/>
      <c r="Z6" s="1054"/>
      <c r="AA6" s="1054"/>
      <c r="AB6" s="1055"/>
      <c r="AC6" s="280"/>
      <c r="AD6" s="280"/>
    </row>
    <row r="7" spans="1:30" ht="15" customHeight="1">
      <c r="A7" s="8"/>
      <c r="B7" s="30"/>
      <c r="C7" s="30"/>
      <c r="D7" s="30"/>
      <c r="E7" s="1053"/>
      <c r="F7" s="276"/>
      <c r="G7" s="276"/>
      <c r="H7" s="276"/>
      <c r="I7" s="277" t="s">
        <v>68</v>
      </c>
      <c r="J7" s="278" t="s">
        <v>69</v>
      </c>
      <c r="K7" s="276"/>
      <c r="L7" s="276"/>
      <c r="M7" s="276"/>
      <c r="N7" s="276"/>
      <c r="O7" s="276"/>
      <c r="P7" s="276"/>
      <c r="Q7" s="276"/>
      <c r="R7" s="277" t="s">
        <v>70</v>
      </c>
      <c r="S7" s="278" t="s">
        <v>71</v>
      </c>
      <c r="T7" s="1054"/>
      <c r="U7" s="1054"/>
      <c r="V7" s="1054"/>
      <c r="W7" s="1054"/>
      <c r="X7" s="1054"/>
      <c r="Y7" s="1054"/>
      <c r="Z7" s="1054"/>
      <c r="AA7" s="1054"/>
      <c r="AB7" s="1055"/>
      <c r="AC7" s="280"/>
      <c r="AD7" s="280"/>
    </row>
    <row r="8" spans="1:30" ht="19.149999999999999" customHeight="1">
      <c r="A8" s="8"/>
      <c r="B8" s="30"/>
      <c r="C8" s="30"/>
      <c r="D8" s="30"/>
      <c r="E8" s="1056"/>
      <c r="F8" s="27"/>
      <c r="G8" s="27"/>
      <c r="H8" s="27"/>
      <c r="I8" s="27"/>
      <c r="J8" s="27"/>
      <c r="K8" s="27"/>
      <c r="L8" s="27"/>
      <c r="M8" s="27"/>
      <c r="N8" s="27"/>
      <c r="O8" s="27"/>
      <c r="P8" s="27"/>
      <c r="Q8" s="27"/>
      <c r="R8" s="27"/>
      <c r="S8" s="27"/>
      <c r="T8" s="27"/>
      <c r="U8" s="27"/>
      <c r="V8" s="27"/>
      <c r="W8" s="27"/>
      <c r="X8" s="27"/>
      <c r="Y8" s="27"/>
      <c r="Z8" s="27"/>
      <c r="AA8" s="27"/>
      <c r="AB8" s="28"/>
    </row>
    <row r="9" spans="1:30" ht="15" customHeight="1">
      <c r="A9" s="8"/>
      <c r="B9" s="30" t="s">
        <v>13</v>
      </c>
      <c r="C9" s="30"/>
      <c r="D9" s="30"/>
      <c r="E9" s="30" t="s">
        <v>72</v>
      </c>
      <c r="F9" s="30"/>
      <c r="G9" s="30"/>
      <c r="H9" s="33"/>
      <c r="I9" s="34"/>
      <c r="J9" s="34"/>
      <c r="K9" s="34"/>
      <c r="L9" s="34"/>
      <c r="M9" s="1057" t="s">
        <v>15</v>
      </c>
      <c r="N9" s="1057"/>
      <c r="O9" s="474"/>
      <c r="P9" s="475"/>
      <c r="Q9" s="30" t="s">
        <v>200</v>
      </c>
      <c r="R9" s="30"/>
      <c r="S9" s="30"/>
      <c r="T9" s="1058"/>
      <c r="U9" s="1058"/>
      <c r="V9" s="1058"/>
      <c r="W9" s="1058"/>
      <c r="X9" s="1058"/>
      <c r="Y9" s="1058"/>
      <c r="Z9" s="1058"/>
      <c r="AA9" s="1058"/>
      <c r="AB9" s="1059"/>
    </row>
    <row r="10" spans="1:30" ht="15" customHeight="1">
      <c r="A10" s="39"/>
      <c r="B10" s="30"/>
      <c r="C10" s="30"/>
      <c r="D10" s="30"/>
      <c r="E10" s="30" t="s">
        <v>17</v>
      </c>
      <c r="F10" s="30"/>
      <c r="G10" s="30"/>
      <c r="H10" s="1058"/>
      <c r="I10" s="1058"/>
      <c r="J10" s="1058"/>
      <c r="K10" s="1058"/>
      <c r="L10" s="1058"/>
      <c r="M10" s="1058"/>
      <c r="N10" s="1058"/>
      <c r="O10" s="1058"/>
      <c r="P10" s="1058"/>
      <c r="Q10" s="1058"/>
      <c r="R10" s="1058"/>
      <c r="S10" s="1058"/>
      <c r="T10" s="1058"/>
      <c r="U10" s="1058"/>
      <c r="V10" s="1058"/>
      <c r="W10" s="1058"/>
      <c r="X10" s="1058"/>
      <c r="Y10" s="1058"/>
      <c r="Z10" s="1058"/>
      <c r="AA10" s="1058"/>
      <c r="AB10" s="1059"/>
    </row>
    <row r="11" spans="1:30" ht="15" customHeight="1">
      <c r="A11" s="504" t="s">
        <v>18</v>
      </c>
      <c r="B11" s="1060" t="s">
        <v>3</v>
      </c>
      <c r="C11" s="1060"/>
      <c r="D11" s="1060"/>
      <c r="E11" s="1049"/>
      <c r="F11" s="1049"/>
      <c r="G11" s="1049"/>
      <c r="H11" s="1049"/>
      <c r="I11" s="1049"/>
      <c r="J11" s="1049"/>
      <c r="K11" s="1049"/>
      <c r="L11" s="1049"/>
      <c r="M11" s="1049"/>
      <c r="N11" s="534" t="s">
        <v>74</v>
      </c>
      <c r="O11" s="21"/>
      <c r="P11" s="484"/>
      <c r="Q11" s="21" t="s">
        <v>6</v>
      </c>
      <c r="R11" s="21"/>
      <c r="S11" s="21"/>
      <c r="T11" s="1061"/>
      <c r="U11" s="1061"/>
      <c r="V11" s="1061"/>
      <c r="W11" s="1062" t="s">
        <v>21</v>
      </c>
      <c r="X11" s="1061"/>
      <c r="Y11" s="1061"/>
      <c r="Z11" s="1061"/>
      <c r="AA11" s="1063" t="s">
        <v>99</v>
      </c>
      <c r="AB11" s="1064"/>
    </row>
    <row r="12" spans="1:30" ht="15" customHeight="1">
      <c r="A12" s="504"/>
      <c r="B12" s="1060" t="s">
        <v>76</v>
      </c>
      <c r="C12" s="1060"/>
      <c r="D12" s="1060"/>
      <c r="E12" s="1049"/>
      <c r="F12" s="1049"/>
      <c r="G12" s="1049"/>
      <c r="H12" s="1049"/>
      <c r="I12" s="1049"/>
      <c r="J12" s="1049"/>
      <c r="K12" s="1049"/>
      <c r="L12" s="1049"/>
      <c r="M12" s="1049"/>
      <c r="N12" s="536"/>
      <c r="O12" s="121"/>
      <c r="P12" s="492"/>
      <c r="Q12" s="1056"/>
      <c r="R12" s="27"/>
      <c r="S12" s="27"/>
      <c r="T12" s="27"/>
      <c r="U12" s="27"/>
      <c r="V12" s="27"/>
      <c r="W12" s="27"/>
      <c r="X12" s="27"/>
      <c r="Y12" s="27"/>
      <c r="Z12" s="27"/>
      <c r="AA12" s="27"/>
      <c r="AB12" s="28"/>
    </row>
    <row r="13" spans="1:30" ht="15" customHeight="1">
      <c r="A13" s="504"/>
      <c r="B13" s="1060" t="s">
        <v>23</v>
      </c>
      <c r="C13" s="1060"/>
      <c r="D13" s="1060"/>
      <c r="E13" s="1065"/>
      <c r="F13" s="1065"/>
      <c r="G13" s="1065"/>
      <c r="H13" s="1065"/>
      <c r="I13" s="1065"/>
      <c r="J13" s="1065"/>
      <c r="K13" s="1065"/>
      <c r="L13" s="1065"/>
      <c r="M13" s="1065"/>
      <c r="N13" s="1066"/>
      <c r="O13" s="460"/>
      <c r="P13" s="496"/>
      <c r="Q13" s="1067"/>
      <c r="R13" s="462"/>
      <c r="S13" s="462"/>
      <c r="T13" s="462"/>
      <c r="U13" s="462"/>
      <c r="V13" s="462"/>
      <c r="W13" s="462"/>
      <c r="X13" s="462"/>
      <c r="Y13" s="462"/>
      <c r="Z13" s="462"/>
      <c r="AA13" s="462"/>
      <c r="AB13" s="497"/>
    </row>
    <row r="14" spans="1:30" ht="35.25" customHeight="1">
      <c r="A14" s="504"/>
      <c r="B14" s="57" t="s">
        <v>161</v>
      </c>
      <c r="C14" s="58"/>
      <c r="D14" s="58"/>
      <c r="E14" s="58"/>
      <c r="F14" s="58"/>
      <c r="G14" s="59"/>
      <c r="H14" s="109"/>
      <c r="I14" s="47"/>
      <c r="J14" s="47"/>
      <c r="K14" s="47"/>
      <c r="L14" s="47"/>
      <c r="M14" s="47"/>
      <c r="N14" s="47"/>
      <c r="O14" s="47"/>
      <c r="P14" s="47"/>
      <c r="Q14" s="47"/>
      <c r="R14" s="47"/>
      <c r="S14" s="47"/>
      <c r="T14" s="47"/>
      <c r="U14" s="47"/>
      <c r="V14" s="47"/>
      <c r="W14" s="47"/>
      <c r="X14" s="47"/>
      <c r="Y14" s="47"/>
      <c r="Z14" s="47"/>
      <c r="AA14" s="47"/>
      <c r="AB14" s="110"/>
    </row>
    <row r="15" spans="1:30" ht="47.25" customHeight="1">
      <c r="A15" s="504"/>
      <c r="B15" s="1068" t="s">
        <v>102</v>
      </c>
      <c r="C15" s="1008"/>
      <c r="D15" s="1069"/>
      <c r="E15" s="1070" t="s">
        <v>201</v>
      </c>
      <c r="F15" s="1071"/>
      <c r="G15" s="1072"/>
      <c r="H15" s="1073"/>
      <c r="I15" s="1074"/>
      <c r="J15" s="1074"/>
      <c r="K15" s="1074"/>
      <c r="L15" s="1074"/>
      <c r="M15" s="1074"/>
      <c r="N15" s="1074"/>
      <c r="O15" s="1074"/>
      <c r="P15" s="1074"/>
      <c r="Q15" s="1074"/>
      <c r="R15" s="1074"/>
      <c r="S15" s="1074"/>
      <c r="T15" s="1074"/>
      <c r="U15" s="1074"/>
      <c r="V15" s="1074"/>
      <c r="W15" s="1074"/>
      <c r="X15" s="1074"/>
      <c r="Y15" s="1075"/>
      <c r="Z15" s="1076" t="s">
        <v>104</v>
      </c>
      <c r="AA15" s="1077"/>
      <c r="AB15" s="1078"/>
    </row>
    <row r="16" spans="1:30" ht="31.5" customHeight="1">
      <c r="A16" s="504"/>
      <c r="B16" s="107"/>
      <c r="C16" s="90"/>
      <c r="D16" s="91"/>
      <c r="E16" s="1079" t="s">
        <v>202</v>
      </c>
      <c r="F16" s="1080"/>
      <c r="G16" s="1081"/>
      <c r="H16" s="1082"/>
      <c r="I16" s="1083"/>
      <c r="J16" s="1083"/>
      <c r="K16" s="1083"/>
      <c r="L16" s="1083"/>
      <c r="M16" s="1083"/>
      <c r="N16" s="1083"/>
      <c r="O16" s="1083"/>
      <c r="P16" s="1083"/>
      <c r="Q16" s="1083"/>
      <c r="R16" s="1083"/>
      <c r="S16" s="1083"/>
      <c r="T16" s="1083"/>
      <c r="U16" s="1083"/>
      <c r="V16" s="1083"/>
      <c r="W16" s="1083"/>
      <c r="X16" s="1083"/>
      <c r="Y16" s="1083"/>
      <c r="Z16" s="1083"/>
      <c r="AA16" s="1083"/>
      <c r="AB16" s="1084"/>
    </row>
    <row r="17" spans="1:29" ht="28.5" customHeight="1">
      <c r="A17" s="504"/>
      <c r="B17" s="109"/>
      <c r="C17" s="47"/>
      <c r="D17" s="48"/>
      <c r="E17" s="1085"/>
      <c r="F17" s="1086"/>
      <c r="G17" s="1087"/>
      <c r="H17" s="1088"/>
      <c r="I17" s="1089"/>
      <c r="J17" s="1089"/>
      <c r="K17" s="1089"/>
      <c r="L17" s="1089"/>
      <c r="M17" s="1089"/>
      <c r="N17" s="1089"/>
      <c r="O17" s="1089"/>
      <c r="P17" s="1089"/>
      <c r="Q17" s="1089"/>
      <c r="R17" s="1089"/>
      <c r="S17" s="1089"/>
      <c r="T17" s="1089"/>
      <c r="U17" s="1089"/>
      <c r="V17" s="1089"/>
      <c r="W17" s="1089"/>
      <c r="X17" s="1089"/>
      <c r="Y17" s="1089"/>
      <c r="Z17" s="1089"/>
      <c r="AA17" s="1089"/>
      <c r="AB17" s="1090"/>
      <c r="AC17" s="2" t="s">
        <v>143</v>
      </c>
    </row>
    <row r="18" spans="1:29" ht="22.15" customHeight="1">
      <c r="A18" s="1091" t="s">
        <v>203</v>
      </c>
      <c r="B18" s="30" t="s">
        <v>204</v>
      </c>
      <c r="C18" s="30"/>
      <c r="D18" s="30"/>
      <c r="E18" s="1049"/>
      <c r="F18" s="1049"/>
      <c r="G18" s="1049"/>
      <c r="H18" s="1049"/>
      <c r="I18" s="1049"/>
      <c r="J18" s="1049"/>
      <c r="K18" s="1049"/>
      <c r="L18" s="1049"/>
      <c r="M18" s="1049"/>
      <c r="N18" s="1092" t="s">
        <v>205</v>
      </c>
      <c r="O18" s="1093"/>
      <c r="P18" s="1094"/>
      <c r="Q18" s="1095"/>
      <c r="R18" s="1095"/>
      <c r="S18" s="1095"/>
      <c r="T18" s="1095"/>
      <c r="U18" s="1095"/>
      <c r="V18" s="1095"/>
      <c r="W18" s="1095"/>
      <c r="X18" s="1095"/>
      <c r="Y18" s="1095"/>
      <c r="Z18" s="1095"/>
      <c r="AA18" s="1095"/>
      <c r="AB18" s="1096"/>
    </row>
    <row r="19" spans="1:29" ht="22.15" customHeight="1">
      <c r="A19" s="1091"/>
      <c r="B19" s="30" t="s">
        <v>204</v>
      </c>
      <c r="C19" s="30"/>
      <c r="D19" s="30"/>
      <c r="E19" s="1049"/>
      <c r="F19" s="1049"/>
      <c r="G19" s="1049"/>
      <c r="H19" s="1049"/>
      <c r="I19" s="1049"/>
      <c r="J19" s="1049"/>
      <c r="K19" s="1049"/>
      <c r="L19" s="1049"/>
      <c r="M19" s="1049"/>
      <c r="N19" s="1092" t="s">
        <v>205</v>
      </c>
      <c r="O19" s="1093"/>
      <c r="P19" s="1094"/>
      <c r="Q19" s="1095"/>
      <c r="R19" s="1095"/>
      <c r="S19" s="1095"/>
      <c r="T19" s="1095"/>
      <c r="U19" s="1095"/>
      <c r="V19" s="1095"/>
      <c r="W19" s="1095"/>
      <c r="X19" s="1095"/>
      <c r="Y19" s="1095"/>
      <c r="Z19" s="1095"/>
      <c r="AA19" s="1095"/>
      <c r="AB19" s="1096"/>
    </row>
    <row r="20" spans="1:29" ht="15" customHeight="1">
      <c r="A20" s="524" t="s">
        <v>32</v>
      </c>
      <c r="B20" s="525"/>
      <c r="C20" s="525"/>
      <c r="D20" s="525"/>
      <c r="E20" s="525"/>
      <c r="F20" s="525"/>
      <c r="G20" s="525"/>
      <c r="H20" s="525"/>
      <c r="I20" s="525"/>
      <c r="J20" s="525"/>
      <c r="K20" s="525"/>
      <c r="L20" s="525"/>
      <c r="M20" s="525"/>
      <c r="N20" s="525"/>
      <c r="O20" s="525"/>
      <c r="P20" s="525"/>
      <c r="Q20" s="525"/>
      <c r="R20" s="525"/>
      <c r="S20" s="525"/>
      <c r="T20" s="525"/>
      <c r="U20" s="525"/>
      <c r="V20" s="525"/>
      <c r="W20" s="525"/>
      <c r="X20" s="525"/>
      <c r="Y20" s="525"/>
      <c r="Z20" s="525"/>
      <c r="AA20" s="525"/>
      <c r="AB20" s="526"/>
    </row>
    <row r="21" spans="1:29" ht="15" customHeight="1">
      <c r="A21" s="120" t="s">
        <v>33</v>
      </c>
      <c r="B21" s="121"/>
      <c r="C21" s="121"/>
      <c r="D21" s="121"/>
      <c r="E21" s="121"/>
      <c r="F21" s="121"/>
      <c r="G21" s="121"/>
      <c r="H21" s="1066" t="s">
        <v>206</v>
      </c>
      <c r="I21" s="460"/>
      <c r="J21" s="460"/>
      <c r="K21" s="460"/>
      <c r="L21" s="460"/>
      <c r="M21" s="126"/>
      <c r="N21" s="127" t="s">
        <v>164</v>
      </c>
      <c r="O21" s="1097"/>
      <c r="P21" s="1097"/>
      <c r="Q21" s="1097"/>
      <c r="R21" s="1097"/>
      <c r="S21" s="128"/>
      <c r="T21" s="125" t="s">
        <v>207</v>
      </c>
      <c r="U21" s="460"/>
      <c r="V21" s="460"/>
      <c r="W21" s="460"/>
      <c r="X21" s="460"/>
      <c r="Y21" s="496"/>
      <c r="Z21" s="1098"/>
      <c r="AA21" s="1099"/>
      <c r="AB21" s="1100"/>
    </row>
    <row r="22" spans="1:29" ht="15" customHeight="1">
      <c r="A22" s="120"/>
      <c r="B22" s="121"/>
      <c r="C22" s="121"/>
      <c r="D22" s="121"/>
      <c r="E22" s="121"/>
      <c r="F22" s="121"/>
      <c r="G22" s="121"/>
      <c r="H22" s="1101" t="s">
        <v>44</v>
      </c>
      <c r="I22" s="117"/>
      <c r="J22" s="134"/>
      <c r="K22" s="116" t="s">
        <v>43</v>
      </c>
      <c r="L22" s="117"/>
      <c r="M22" s="134"/>
      <c r="N22" s="116" t="s">
        <v>44</v>
      </c>
      <c r="O22" s="117"/>
      <c r="P22" s="134"/>
      <c r="Q22" s="116" t="s">
        <v>43</v>
      </c>
      <c r="R22" s="117"/>
      <c r="S22" s="134"/>
      <c r="T22" s="116" t="s">
        <v>44</v>
      </c>
      <c r="U22" s="117"/>
      <c r="V22" s="134"/>
      <c r="W22" s="116" t="s">
        <v>43</v>
      </c>
      <c r="X22" s="117"/>
      <c r="Y22" s="1102"/>
      <c r="Z22" s="61"/>
      <c r="AA22" s="1103"/>
      <c r="AB22" s="63"/>
    </row>
    <row r="23" spans="1:29" ht="15" customHeight="1">
      <c r="A23" s="133"/>
      <c r="B23" s="116" t="s">
        <v>86</v>
      </c>
      <c r="C23" s="117"/>
      <c r="D23" s="117"/>
      <c r="E23" s="117"/>
      <c r="F23" s="117"/>
      <c r="G23" s="117"/>
      <c r="H23" s="1101"/>
      <c r="I23" s="117"/>
      <c r="J23" s="134"/>
      <c r="K23" s="116"/>
      <c r="L23" s="117"/>
      <c r="M23" s="134"/>
      <c r="N23" s="116"/>
      <c r="O23" s="117"/>
      <c r="P23" s="134"/>
      <c r="Q23" s="116"/>
      <c r="R23" s="117"/>
      <c r="S23" s="134"/>
      <c r="T23" s="116"/>
      <c r="U23" s="117"/>
      <c r="V23" s="134"/>
      <c r="W23" s="116"/>
      <c r="X23" s="117"/>
      <c r="Y23" s="1102"/>
      <c r="Z23" s="61"/>
      <c r="AA23" s="1103"/>
      <c r="AB23" s="63"/>
    </row>
    <row r="24" spans="1:29" ht="15" customHeight="1">
      <c r="A24" s="133"/>
      <c r="B24" s="118" t="s">
        <v>46</v>
      </c>
      <c r="C24" s="21"/>
      <c r="D24" s="21"/>
      <c r="E24" s="21"/>
      <c r="F24" s="21"/>
      <c r="G24" s="21"/>
      <c r="H24" s="534"/>
      <c r="I24" s="21"/>
      <c r="J24" s="115"/>
      <c r="K24" s="118"/>
      <c r="L24" s="21"/>
      <c r="M24" s="115"/>
      <c r="N24" s="116"/>
      <c r="O24" s="117"/>
      <c r="P24" s="134"/>
      <c r="Q24" s="116"/>
      <c r="R24" s="117"/>
      <c r="S24" s="134"/>
      <c r="T24" s="116"/>
      <c r="U24" s="117"/>
      <c r="V24" s="134"/>
      <c r="W24" s="116"/>
      <c r="X24" s="117"/>
      <c r="Y24" s="1102"/>
      <c r="Z24" s="61"/>
      <c r="AA24" s="1103"/>
      <c r="AB24" s="63"/>
    </row>
    <row r="25" spans="1:29" ht="15" customHeight="1">
      <c r="A25" s="1104"/>
      <c r="B25" s="31" t="s">
        <v>47</v>
      </c>
      <c r="C25" s="820"/>
      <c r="D25" s="820"/>
      <c r="E25" s="820"/>
      <c r="F25" s="820"/>
      <c r="G25" s="820"/>
      <c r="H25" s="31"/>
      <c r="I25" s="820"/>
      <c r="J25" s="820"/>
      <c r="K25" s="820"/>
      <c r="L25" s="820"/>
      <c r="M25" s="32"/>
      <c r="N25" s="1105"/>
      <c r="O25" s="1105"/>
      <c r="P25" s="1105"/>
      <c r="Q25" s="1105"/>
      <c r="R25" s="1105"/>
      <c r="S25" s="1106"/>
      <c r="T25" s="1107"/>
      <c r="U25" s="1108"/>
      <c r="V25" s="1108"/>
      <c r="W25" s="1108"/>
      <c r="X25" s="1108"/>
      <c r="Y25" s="1109"/>
      <c r="Z25" s="69"/>
      <c r="AA25" s="70"/>
      <c r="AB25" s="71"/>
    </row>
    <row r="26" spans="1:29" ht="15" customHeight="1">
      <c r="A26" s="1110" t="s">
        <v>208</v>
      </c>
      <c r="B26" s="1111"/>
      <c r="C26" s="1111"/>
      <c r="D26" s="1111"/>
      <c r="E26" s="1111"/>
      <c r="F26" s="1111"/>
      <c r="G26" s="1111"/>
      <c r="H26" s="1112"/>
      <c r="I26" s="1113"/>
      <c r="J26" s="1113"/>
      <c r="K26" s="1113"/>
      <c r="L26" s="820" t="s">
        <v>178</v>
      </c>
      <c r="M26" s="32"/>
      <c r="N26" s="1114"/>
      <c r="O26" s="1115"/>
      <c r="P26" s="559"/>
      <c r="Q26" s="559"/>
      <c r="R26" s="559"/>
      <c r="S26" s="559"/>
      <c r="T26" s="559"/>
      <c r="U26" s="559"/>
      <c r="V26" s="559"/>
      <c r="W26" s="559"/>
      <c r="X26" s="559"/>
      <c r="Y26" s="559"/>
      <c r="Z26" s="559"/>
      <c r="AA26" s="559"/>
      <c r="AB26" s="1048"/>
    </row>
    <row r="27" spans="1:29" ht="15" customHeight="1">
      <c r="A27" s="1116" t="s">
        <v>209</v>
      </c>
      <c r="B27" s="1117"/>
      <c r="C27" s="1117"/>
      <c r="D27" s="1117"/>
      <c r="E27" s="1117"/>
      <c r="F27" s="1117"/>
      <c r="G27" s="1117"/>
      <c r="H27" s="1118"/>
      <c r="I27" s="1118"/>
      <c r="J27" s="1118"/>
      <c r="K27" s="1118"/>
      <c r="L27" s="1118"/>
      <c r="M27" s="1118"/>
      <c r="N27" s="1117"/>
      <c r="O27" s="1117"/>
      <c r="P27" s="1117"/>
      <c r="Q27" s="1117"/>
      <c r="R27" s="1117"/>
      <c r="S27" s="1117"/>
      <c r="T27" s="1117"/>
      <c r="U27" s="1117"/>
      <c r="V27" s="1117"/>
      <c r="W27" s="1117"/>
      <c r="X27" s="1117"/>
      <c r="Y27" s="1117"/>
      <c r="Z27" s="1117"/>
      <c r="AA27" s="1117"/>
      <c r="AB27" s="1119"/>
    </row>
    <row r="28" spans="1:29" ht="15" customHeight="1">
      <c r="A28" s="1120" t="s">
        <v>210</v>
      </c>
      <c r="B28" s="820"/>
      <c r="C28" s="820"/>
      <c r="D28" s="820"/>
      <c r="E28" s="820"/>
      <c r="F28" s="820"/>
      <c r="G28" s="32"/>
      <c r="H28" s="1112"/>
      <c r="I28" s="1113"/>
      <c r="J28" s="1113"/>
      <c r="K28" s="1113"/>
      <c r="L28" s="474" t="s">
        <v>177</v>
      </c>
      <c r="M28" s="475"/>
      <c r="N28" s="1121"/>
      <c r="O28" s="1121"/>
      <c r="P28" s="1121"/>
      <c r="Q28" s="1121"/>
      <c r="R28" s="1121"/>
      <c r="S28" s="1121"/>
      <c r="T28" s="1121"/>
      <c r="U28" s="1121"/>
      <c r="V28" s="1121"/>
      <c r="W28" s="1121"/>
      <c r="X28" s="1121"/>
      <c r="Y28" s="1121"/>
      <c r="Z28" s="1121"/>
      <c r="AA28" s="1121"/>
      <c r="AB28" s="1122"/>
    </row>
    <row r="29" spans="1:29" ht="15" customHeight="1">
      <c r="A29" s="1123" t="s">
        <v>211</v>
      </c>
      <c r="B29" s="549"/>
      <c r="C29" s="549"/>
      <c r="D29" s="549"/>
      <c r="E29" s="549"/>
      <c r="F29" s="549"/>
      <c r="G29" s="569"/>
      <c r="H29" s="1112"/>
      <c r="I29" s="1113"/>
      <c r="J29" s="1113"/>
      <c r="K29" s="1113"/>
      <c r="L29" s="1124" t="s">
        <v>177</v>
      </c>
      <c r="M29" s="1125"/>
      <c r="N29" s="1126" t="s">
        <v>212</v>
      </c>
      <c r="O29" s="1126"/>
      <c r="P29" s="1126"/>
      <c r="Q29" s="1126"/>
      <c r="R29" s="1126"/>
      <c r="S29" s="1126"/>
      <c r="T29" s="1126"/>
      <c r="U29" s="1126"/>
      <c r="V29" s="1126"/>
      <c r="W29" s="1126"/>
      <c r="X29" s="1127"/>
      <c r="Y29" s="1128"/>
      <c r="Z29" s="1129"/>
      <c r="AA29" s="1130"/>
      <c r="AB29" s="1131" t="s">
        <v>138</v>
      </c>
    </row>
    <row r="30" spans="1:29" s="1133" customFormat="1" ht="15" customHeight="1">
      <c r="A30" s="1091" t="s">
        <v>213</v>
      </c>
      <c r="B30" s="30"/>
      <c r="C30" s="30"/>
      <c r="D30" s="30"/>
      <c r="E30" s="30"/>
      <c r="F30" s="30"/>
      <c r="G30" s="31"/>
      <c r="H30" s="1112"/>
      <c r="I30" s="1113"/>
      <c r="J30" s="1113"/>
      <c r="K30" s="1113"/>
      <c r="L30" s="820" t="s">
        <v>178</v>
      </c>
      <c r="M30" s="32"/>
      <c r="N30" s="1130"/>
      <c r="O30" s="1130"/>
      <c r="P30" s="1130"/>
      <c r="Q30" s="1130"/>
      <c r="R30" s="1130"/>
      <c r="S30" s="1130"/>
      <c r="T30" s="1130"/>
      <c r="U30" s="1130"/>
      <c r="V30" s="1130"/>
      <c r="W30" s="1130"/>
      <c r="X30" s="1130"/>
      <c r="Y30" s="1130"/>
      <c r="Z30" s="1130"/>
      <c r="AA30" s="1130"/>
      <c r="AB30" s="1132"/>
    </row>
    <row r="31" spans="1:29" s="1133" customFormat="1" ht="15" customHeight="1">
      <c r="A31" s="1091" t="s">
        <v>214</v>
      </c>
      <c r="B31" s="30"/>
      <c r="C31" s="30"/>
      <c r="D31" s="30"/>
      <c r="E31" s="30"/>
      <c r="F31" s="30"/>
      <c r="G31" s="30"/>
      <c r="H31" s="1112"/>
      <c r="I31" s="1113"/>
      <c r="J31" s="1113"/>
      <c r="K31" s="1113"/>
      <c r="L31" s="820" t="s">
        <v>178</v>
      </c>
      <c r="M31" s="32"/>
      <c r="N31" s="820" t="s">
        <v>215</v>
      </c>
      <c r="O31" s="820"/>
      <c r="P31" s="820"/>
      <c r="Q31" s="820"/>
      <c r="R31" s="820"/>
      <c r="S31" s="820"/>
      <c r="T31" s="820"/>
      <c r="U31" s="820"/>
      <c r="V31" s="820"/>
      <c r="W31" s="820"/>
      <c r="X31" s="32"/>
      <c r="Y31" s="1128"/>
      <c r="Z31" s="1129"/>
      <c r="AA31" s="1134"/>
      <c r="AB31" s="1131" t="s">
        <v>138</v>
      </c>
    </row>
    <row r="32" spans="1:29" s="1133" customFormat="1" ht="15" customHeight="1">
      <c r="A32" s="1091" t="s">
        <v>216</v>
      </c>
      <c r="B32" s="30"/>
      <c r="C32" s="30"/>
      <c r="D32" s="30"/>
      <c r="E32" s="30"/>
      <c r="F32" s="30"/>
      <c r="G32" s="30"/>
      <c r="H32" s="546"/>
      <c r="I32" s="1135"/>
      <c r="J32" s="1135"/>
      <c r="K32" s="1135"/>
      <c r="L32" s="1135"/>
      <c r="M32" s="1135"/>
      <c r="N32" s="1135"/>
      <c r="O32" s="1135"/>
      <c r="P32" s="1135"/>
      <c r="Q32" s="1135"/>
      <c r="R32" s="1135"/>
      <c r="S32" s="1135"/>
      <c r="T32" s="1135"/>
      <c r="U32" s="1135"/>
      <c r="V32" s="1135"/>
      <c r="W32" s="1135"/>
      <c r="X32" s="1135"/>
      <c r="Y32" s="1135"/>
      <c r="Z32" s="1135"/>
      <c r="AA32" s="1135"/>
      <c r="AB32" s="547"/>
    </row>
    <row r="33" spans="1:29" ht="15" customHeight="1" thickBot="1">
      <c r="A33" s="1136" t="s">
        <v>48</v>
      </c>
      <c r="B33" s="1137"/>
      <c r="C33" s="1137"/>
      <c r="D33" s="1137"/>
      <c r="E33" s="1137"/>
      <c r="F33" s="1138" t="s">
        <v>142</v>
      </c>
      <c r="G33" s="610"/>
      <c r="H33" s="610"/>
      <c r="I33" s="610"/>
      <c r="J33" s="610"/>
      <c r="K33" s="610"/>
      <c r="L33" s="610"/>
      <c r="M33" s="610"/>
      <c r="N33" s="610"/>
      <c r="O33" s="610"/>
      <c r="P33" s="610"/>
      <c r="Q33" s="610"/>
      <c r="R33" s="610"/>
      <c r="S33" s="610"/>
      <c r="T33" s="610"/>
      <c r="U33" s="610"/>
      <c r="V33" s="610"/>
      <c r="W33" s="610"/>
      <c r="X33" s="610"/>
      <c r="Y33" s="610"/>
      <c r="Z33" s="610"/>
      <c r="AA33" s="610"/>
      <c r="AB33" s="611"/>
    </row>
    <row r="34" spans="1:29" ht="36" customHeight="1" thickBot="1">
      <c r="A34" s="1139" t="s">
        <v>217</v>
      </c>
      <c r="B34" s="1140"/>
      <c r="C34" s="1140"/>
      <c r="D34" s="1140"/>
      <c r="E34" s="1140"/>
      <c r="F34" s="1140"/>
      <c r="G34" s="1140"/>
      <c r="H34" s="1140"/>
      <c r="I34" s="1140"/>
      <c r="J34" s="1140"/>
      <c r="K34" s="1140"/>
      <c r="L34" s="1140"/>
      <c r="M34" s="1140"/>
      <c r="N34" s="1140"/>
      <c r="O34" s="1140"/>
      <c r="P34" s="1140"/>
      <c r="Q34" s="1140"/>
      <c r="R34" s="1140"/>
      <c r="S34" s="1140"/>
      <c r="T34" s="1140"/>
      <c r="U34" s="1140"/>
      <c r="V34" s="1140"/>
      <c r="W34" s="1140"/>
      <c r="X34" s="1140"/>
      <c r="Y34" s="1140"/>
      <c r="Z34" s="1140"/>
      <c r="AA34" s="1140"/>
      <c r="AB34" s="1140"/>
    </row>
    <row r="35" spans="1:29" ht="15" customHeight="1">
      <c r="A35" s="150" t="s">
        <v>1</v>
      </c>
      <c r="B35" s="1141" t="s">
        <v>3</v>
      </c>
      <c r="C35" s="1141"/>
      <c r="D35" s="1141"/>
      <c r="E35" s="152"/>
      <c r="F35" s="153"/>
      <c r="G35" s="153"/>
      <c r="H35" s="153"/>
      <c r="I35" s="153"/>
      <c r="J35" s="153"/>
      <c r="K35" s="153"/>
      <c r="L35" s="153"/>
      <c r="M35" s="153"/>
      <c r="N35" s="153"/>
      <c r="O35" s="153"/>
      <c r="P35" s="153"/>
      <c r="Q35" s="153"/>
      <c r="R35" s="153"/>
      <c r="S35" s="153"/>
      <c r="T35" s="153"/>
      <c r="U35" s="153"/>
      <c r="V35" s="153"/>
      <c r="W35" s="153"/>
      <c r="X35" s="153"/>
      <c r="Y35" s="153"/>
      <c r="Z35" s="153"/>
      <c r="AA35" s="153"/>
      <c r="AB35" s="154"/>
    </row>
    <row r="36" spans="1:29" ht="15" customHeight="1">
      <c r="A36" s="155"/>
      <c r="B36" s="30" t="s">
        <v>92</v>
      </c>
      <c r="C36" s="30"/>
      <c r="D36" s="30"/>
      <c r="E36" s="1049"/>
      <c r="F36" s="1049"/>
      <c r="G36" s="1049"/>
      <c r="H36" s="1049"/>
      <c r="I36" s="1049"/>
      <c r="J36" s="1049"/>
      <c r="K36" s="1049"/>
      <c r="L36" s="1049"/>
      <c r="M36" s="1049"/>
      <c r="N36" s="1049"/>
      <c r="O36" s="1049"/>
      <c r="P36" s="1049"/>
      <c r="Q36" s="1049"/>
      <c r="R36" s="1049"/>
      <c r="S36" s="1049"/>
      <c r="T36" s="1049"/>
      <c r="U36" s="1049"/>
      <c r="V36" s="1049"/>
      <c r="W36" s="1049"/>
      <c r="X36" s="1049"/>
      <c r="Y36" s="1049"/>
      <c r="Z36" s="1049"/>
      <c r="AA36" s="1049"/>
      <c r="AB36" s="1050"/>
    </row>
    <row r="37" spans="1:29" ht="15" customHeight="1">
      <c r="A37" s="155"/>
      <c r="B37" s="30" t="s">
        <v>5</v>
      </c>
      <c r="C37" s="30"/>
      <c r="D37" s="30"/>
      <c r="E37" s="536" t="s">
        <v>199</v>
      </c>
      <c r="F37" s="121"/>
      <c r="G37" s="121"/>
      <c r="H37" s="121"/>
      <c r="I37" s="1051"/>
      <c r="J37" s="1051"/>
      <c r="K37" s="164" t="s">
        <v>7</v>
      </c>
      <c r="L37" s="1051"/>
      <c r="M37" s="1051"/>
      <c r="N37" s="164" t="s">
        <v>30</v>
      </c>
      <c r="O37" s="121"/>
      <c r="P37" s="121"/>
      <c r="Q37" s="121"/>
      <c r="R37" s="121"/>
      <c r="S37" s="121"/>
      <c r="T37" s="121"/>
      <c r="U37" s="121"/>
      <c r="V37" s="121"/>
      <c r="W37" s="121"/>
      <c r="X37" s="121"/>
      <c r="Y37" s="121"/>
      <c r="Z37" s="121"/>
      <c r="AA37" s="121"/>
      <c r="AB37" s="1052"/>
      <c r="AC37" s="2" t="s">
        <v>51</v>
      </c>
    </row>
    <row r="38" spans="1:29" ht="15" customHeight="1">
      <c r="A38" s="155"/>
      <c r="B38" s="30"/>
      <c r="C38" s="30"/>
      <c r="D38" s="30"/>
      <c r="E38" s="1053"/>
      <c r="F38" s="276"/>
      <c r="G38" s="276"/>
      <c r="H38" s="276"/>
      <c r="I38" s="277" t="s">
        <v>64</v>
      </c>
      <c r="J38" s="278" t="s">
        <v>65</v>
      </c>
      <c r="K38" s="276"/>
      <c r="L38" s="276"/>
      <c r="M38" s="276"/>
      <c r="N38" s="276"/>
      <c r="O38" s="276"/>
      <c r="P38" s="276"/>
      <c r="Q38" s="276"/>
      <c r="R38" s="277" t="s">
        <v>66</v>
      </c>
      <c r="S38" s="278" t="s">
        <v>67</v>
      </c>
      <c r="T38" s="1054"/>
      <c r="U38" s="1054"/>
      <c r="V38" s="1054"/>
      <c r="W38" s="1054"/>
      <c r="X38" s="1054"/>
      <c r="Y38" s="1054"/>
      <c r="Z38" s="1054"/>
      <c r="AA38" s="1054"/>
      <c r="AB38" s="1055"/>
    </row>
    <row r="39" spans="1:29" ht="15" customHeight="1">
      <c r="A39" s="155"/>
      <c r="B39" s="30"/>
      <c r="C39" s="30"/>
      <c r="D39" s="30"/>
      <c r="E39" s="1053"/>
      <c r="F39" s="276"/>
      <c r="G39" s="276"/>
      <c r="H39" s="276"/>
      <c r="I39" s="277" t="s">
        <v>68</v>
      </c>
      <c r="J39" s="278" t="s">
        <v>69</v>
      </c>
      <c r="K39" s="276"/>
      <c r="L39" s="276"/>
      <c r="M39" s="276"/>
      <c r="N39" s="276"/>
      <c r="O39" s="276"/>
      <c r="P39" s="276"/>
      <c r="Q39" s="276"/>
      <c r="R39" s="277" t="s">
        <v>70</v>
      </c>
      <c r="S39" s="278" t="s">
        <v>71</v>
      </c>
      <c r="T39" s="1054"/>
      <c r="U39" s="1054"/>
      <c r="V39" s="1054"/>
      <c r="W39" s="1054"/>
      <c r="X39" s="1054"/>
      <c r="Y39" s="1054"/>
      <c r="Z39" s="1054"/>
      <c r="AA39" s="1054"/>
      <c r="AB39" s="1055"/>
    </row>
    <row r="40" spans="1:29" ht="19.149999999999999" customHeight="1">
      <c r="A40" s="155"/>
      <c r="B40" s="30"/>
      <c r="C40" s="30"/>
      <c r="D40" s="30"/>
      <c r="E40" s="1056" t="s">
        <v>218</v>
      </c>
      <c r="F40" s="27"/>
      <c r="G40" s="27"/>
      <c r="H40" s="27"/>
      <c r="I40" s="27"/>
      <c r="J40" s="27"/>
      <c r="K40" s="27"/>
      <c r="L40" s="27"/>
      <c r="M40" s="27"/>
      <c r="N40" s="27"/>
      <c r="O40" s="27"/>
      <c r="P40" s="27"/>
      <c r="Q40" s="27"/>
      <c r="R40" s="27"/>
      <c r="S40" s="27"/>
      <c r="T40" s="27"/>
      <c r="U40" s="27"/>
      <c r="V40" s="27"/>
      <c r="W40" s="27"/>
      <c r="X40" s="27"/>
      <c r="Y40" s="27"/>
      <c r="Z40" s="27"/>
      <c r="AA40" s="27"/>
      <c r="AB40" s="28"/>
    </row>
    <row r="41" spans="1:29" ht="15" customHeight="1">
      <c r="A41" s="155"/>
      <c r="B41" s="30" t="s">
        <v>13</v>
      </c>
      <c r="C41" s="30"/>
      <c r="D41" s="30"/>
      <c r="E41" s="30" t="s">
        <v>72</v>
      </c>
      <c r="F41" s="30"/>
      <c r="G41" s="30"/>
      <c r="H41" s="33"/>
      <c r="I41" s="34"/>
      <c r="J41" s="34"/>
      <c r="K41" s="34"/>
      <c r="L41" s="34"/>
      <c r="M41" s="1057" t="s">
        <v>15</v>
      </c>
      <c r="N41" s="1057"/>
      <c r="O41" s="474"/>
      <c r="P41" s="475"/>
      <c r="Q41" s="30" t="s">
        <v>200</v>
      </c>
      <c r="R41" s="30"/>
      <c r="S41" s="30"/>
      <c r="T41" s="1058"/>
      <c r="U41" s="1058"/>
      <c r="V41" s="1058"/>
      <c r="W41" s="1058"/>
      <c r="X41" s="1058"/>
      <c r="Y41" s="1058"/>
      <c r="Z41" s="1058"/>
      <c r="AA41" s="1058"/>
      <c r="AB41" s="1059"/>
    </row>
    <row r="42" spans="1:29" ht="15" customHeight="1">
      <c r="A42" s="155"/>
      <c r="B42" s="30"/>
      <c r="C42" s="30"/>
      <c r="D42" s="30"/>
      <c r="E42" s="30" t="s">
        <v>17</v>
      </c>
      <c r="F42" s="30"/>
      <c r="G42" s="30"/>
      <c r="H42" s="1058"/>
      <c r="I42" s="1058"/>
      <c r="J42" s="1058"/>
      <c r="K42" s="1058"/>
      <c r="L42" s="1058"/>
      <c r="M42" s="1058"/>
      <c r="N42" s="1058"/>
      <c r="O42" s="1058"/>
      <c r="P42" s="1058"/>
      <c r="Q42" s="1058"/>
      <c r="R42" s="1058"/>
      <c r="S42" s="1058"/>
      <c r="T42" s="1058"/>
      <c r="U42" s="1058"/>
      <c r="V42" s="1058"/>
      <c r="W42" s="1058"/>
      <c r="X42" s="1058"/>
      <c r="Y42" s="1058"/>
      <c r="Z42" s="1058"/>
      <c r="AA42" s="1058"/>
      <c r="AB42" s="1059"/>
    </row>
    <row r="43" spans="1:29" ht="15" customHeight="1">
      <c r="A43" s="1142" t="s">
        <v>209</v>
      </c>
      <c r="B43" s="1143"/>
      <c r="C43" s="1143"/>
      <c r="D43" s="1143"/>
      <c r="E43" s="1143"/>
      <c r="F43" s="1143"/>
      <c r="G43" s="1143"/>
      <c r="H43" s="1143"/>
      <c r="I43" s="1143"/>
      <c r="J43" s="1144"/>
      <c r="K43" s="1144"/>
      <c r="L43" s="1144"/>
      <c r="M43" s="1144"/>
      <c r="N43" s="1144"/>
      <c r="O43" s="1144"/>
      <c r="P43" s="1144"/>
      <c r="Q43" s="1144"/>
      <c r="R43" s="1144"/>
      <c r="S43" s="1144"/>
      <c r="T43" s="1144"/>
      <c r="U43" s="1144"/>
      <c r="V43" s="1144"/>
      <c r="W43" s="1144"/>
      <c r="X43" s="1144"/>
      <c r="Y43" s="1144"/>
      <c r="Z43" s="1144"/>
      <c r="AA43" s="1144"/>
      <c r="AB43" s="1145"/>
    </row>
    <row r="44" spans="1:29" ht="15" customHeight="1">
      <c r="A44" s="1120" t="s">
        <v>210</v>
      </c>
      <c r="B44" s="820"/>
      <c r="C44" s="820"/>
      <c r="D44" s="820"/>
      <c r="E44" s="820"/>
      <c r="F44" s="820"/>
      <c r="G44" s="32"/>
      <c r="H44" s="1112"/>
      <c r="I44" s="1113"/>
      <c r="J44" s="1113"/>
      <c r="K44" s="1113"/>
      <c r="L44" s="474" t="s">
        <v>177</v>
      </c>
      <c r="M44" s="475"/>
      <c r="N44" s="561"/>
      <c r="O44" s="474"/>
      <c r="P44" s="474"/>
      <c r="Q44" s="474"/>
      <c r="R44" s="474"/>
      <c r="S44" s="474"/>
      <c r="T44" s="474"/>
      <c r="U44" s="474"/>
      <c r="V44" s="474"/>
      <c r="W44" s="474"/>
      <c r="X44" s="474"/>
      <c r="Y44" s="474"/>
      <c r="Z44" s="474"/>
      <c r="AA44" s="474"/>
      <c r="AB44" s="1146"/>
    </row>
    <row r="45" spans="1:29" ht="15" customHeight="1">
      <c r="A45" s="1123" t="s">
        <v>211</v>
      </c>
      <c r="B45" s="549"/>
      <c r="C45" s="549"/>
      <c r="D45" s="549"/>
      <c r="E45" s="549"/>
      <c r="F45" s="549"/>
      <c r="G45" s="569"/>
      <c r="H45" s="1112"/>
      <c r="I45" s="1113"/>
      <c r="J45" s="1113"/>
      <c r="K45" s="1113"/>
      <c r="L45" s="1124" t="s">
        <v>177</v>
      </c>
      <c r="M45" s="1125"/>
      <c r="N45" s="1126" t="s">
        <v>212</v>
      </c>
      <c r="O45" s="1126"/>
      <c r="P45" s="1126"/>
      <c r="Q45" s="1126"/>
      <c r="R45" s="1126"/>
      <c r="S45" s="1126"/>
      <c r="T45" s="1126"/>
      <c r="U45" s="1126"/>
      <c r="V45" s="1126"/>
      <c r="W45" s="1126"/>
      <c r="X45" s="1127"/>
      <c r="Y45" s="1128"/>
      <c r="Z45" s="1129"/>
      <c r="AA45" s="1130"/>
      <c r="AB45" s="1131" t="s">
        <v>138</v>
      </c>
    </row>
    <row r="46" spans="1:29" s="1133" customFormat="1" ht="15" customHeight="1">
      <c r="A46" s="1091" t="s">
        <v>213</v>
      </c>
      <c r="B46" s="30"/>
      <c r="C46" s="30"/>
      <c r="D46" s="30"/>
      <c r="E46" s="30"/>
      <c r="F46" s="30"/>
      <c r="G46" s="31"/>
      <c r="H46" s="1112"/>
      <c r="I46" s="1113"/>
      <c r="J46" s="1113"/>
      <c r="K46" s="1113"/>
      <c r="L46" s="820" t="s">
        <v>178</v>
      </c>
      <c r="M46" s="32"/>
      <c r="N46" s="31"/>
      <c r="O46" s="820"/>
      <c r="P46" s="820"/>
      <c r="Q46" s="820"/>
      <c r="R46" s="820"/>
      <c r="S46" s="820"/>
      <c r="T46" s="820"/>
      <c r="U46" s="820"/>
      <c r="V46" s="820"/>
      <c r="W46" s="820"/>
      <c r="X46" s="820"/>
      <c r="Y46" s="820"/>
      <c r="Z46" s="820"/>
      <c r="AA46" s="820"/>
      <c r="AB46" s="1147"/>
    </row>
    <row r="47" spans="1:29" s="1133" customFormat="1" ht="15" customHeight="1">
      <c r="A47" s="1091" t="s">
        <v>214</v>
      </c>
      <c r="B47" s="30"/>
      <c r="C47" s="30"/>
      <c r="D47" s="30"/>
      <c r="E47" s="30"/>
      <c r="F47" s="30"/>
      <c r="G47" s="30"/>
      <c r="H47" s="1112"/>
      <c r="I47" s="1113"/>
      <c r="J47" s="1113"/>
      <c r="K47" s="1113"/>
      <c r="L47" s="820" t="s">
        <v>178</v>
      </c>
      <c r="M47" s="32"/>
      <c r="N47" s="820" t="s">
        <v>215</v>
      </c>
      <c r="O47" s="820"/>
      <c r="P47" s="820"/>
      <c r="Q47" s="820"/>
      <c r="R47" s="820"/>
      <c r="S47" s="820"/>
      <c r="T47" s="820"/>
      <c r="U47" s="820"/>
      <c r="V47" s="820"/>
      <c r="W47" s="820"/>
      <c r="X47" s="32"/>
      <c r="Y47" s="1128"/>
      <c r="Z47" s="1129"/>
      <c r="AA47" s="1134"/>
      <c r="AB47" s="1131" t="s">
        <v>138</v>
      </c>
    </row>
    <row r="48" spans="1:29" s="1133" customFormat="1" ht="15" customHeight="1" thickBot="1">
      <c r="A48" s="1148" t="s">
        <v>216</v>
      </c>
      <c r="B48" s="157"/>
      <c r="C48" s="157"/>
      <c r="D48" s="157"/>
      <c r="E48" s="157"/>
      <c r="F48" s="157"/>
      <c r="G48" s="157"/>
      <c r="H48" s="1149"/>
      <c r="I48" s="1150"/>
      <c r="J48" s="1150"/>
      <c r="K48" s="1150"/>
      <c r="L48" s="1150"/>
      <c r="M48" s="1150"/>
      <c r="N48" s="1150"/>
      <c r="O48" s="1150"/>
      <c r="P48" s="1150"/>
      <c r="Q48" s="1150"/>
      <c r="R48" s="1150"/>
      <c r="S48" s="1150"/>
      <c r="T48" s="1150"/>
      <c r="U48" s="1150"/>
      <c r="V48" s="1150"/>
      <c r="W48" s="1150"/>
      <c r="X48" s="1150"/>
      <c r="Y48" s="1150"/>
      <c r="Z48" s="1150"/>
      <c r="AA48" s="1150"/>
      <c r="AB48" s="1151"/>
    </row>
    <row r="49" spans="1:28" ht="16.5" customHeight="1">
      <c r="A49" s="1152"/>
      <c r="B49" s="1152"/>
      <c r="C49" s="1152"/>
      <c r="D49" s="1152"/>
      <c r="E49" s="1152"/>
      <c r="F49" s="1153"/>
      <c r="G49" s="1153"/>
      <c r="H49" s="1153"/>
      <c r="I49" s="1153" t="s">
        <v>51</v>
      </c>
      <c r="J49" s="1153"/>
      <c r="K49" s="1153"/>
      <c r="L49" s="1153"/>
      <c r="M49" s="1153"/>
      <c r="N49" s="1153"/>
      <c r="O49" s="1153"/>
      <c r="P49" s="1153"/>
      <c r="Q49" s="1153"/>
      <c r="R49" s="1153"/>
      <c r="S49" s="1153"/>
      <c r="T49" s="1153"/>
      <c r="U49" s="1153"/>
      <c r="V49" s="1153"/>
      <c r="W49" s="1153"/>
      <c r="X49" s="1153"/>
      <c r="Y49" s="1153"/>
      <c r="Z49" s="1153"/>
      <c r="AA49" s="1153"/>
      <c r="AB49" s="1153"/>
    </row>
    <row r="50" spans="1:28" ht="15.95" customHeight="1">
      <c r="A50" s="2" t="s">
        <v>52</v>
      </c>
      <c r="B50" s="387" t="s">
        <v>219</v>
      </c>
      <c r="C50" s="387"/>
      <c r="D50" s="387"/>
      <c r="E50" s="387"/>
      <c r="F50" s="387"/>
      <c r="G50" s="387"/>
      <c r="H50" s="387"/>
      <c r="I50" s="387"/>
      <c r="J50" s="387"/>
      <c r="K50" s="387"/>
      <c r="L50" s="387"/>
      <c r="M50" s="387"/>
      <c r="N50" s="387"/>
      <c r="O50" s="387"/>
      <c r="P50" s="387"/>
      <c r="Q50" s="387"/>
      <c r="R50" s="387"/>
      <c r="S50" s="387"/>
      <c r="T50" s="387"/>
      <c r="U50" s="387"/>
      <c r="V50" s="387"/>
      <c r="W50" s="387"/>
      <c r="X50" s="387"/>
      <c r="Y50" s="387"/>
      <c r="Z50" s="387"/>
      <c r="AA50" s="387"/>
      <c r="AB50" s="387"/>
    </row>
    <row r="51" spans="1:28" ht="15.95" customHeight="1">
      <c r="A51" s="1154"/>
      <c r="B51" s="387"/>
      <c r="C51" s="387"/>
      <c r="D51" s="387"/>
      <c r="E51" s="387"/>
      <c r="F51" s="387"/>
      <c r="G51" s="387"/>
      <c r="H51" s="387"/>
      <c r="I51" s="387"/>
      <c r="J51" s="387"/>
      <c r="K51" s="387"/>
      <c r="L51" s="387"/>
      <c r="M51" s="387"/>
      <c r="N51" s="387"/>
      <c r="O51" s="387"/>
      <c r="P51" s="387"/>
      <c r="Q51" s="387"/>
      <c r="R51" s="387"/>
      <c r="S51" s="387"/>
      <c r="T51" s="387"/>
      <c r="U51" s="387"/>
      <c r="V51" s="387"/>
      <c r="W51" s="387"/>
      <c r="X51" s="387"/>
      <c r="Y51" s="387"/>
      <c r="Z51" s="387"/>
      <c r="AA51" s="387"/>
      <c r="AB51" s="387"/>
    </row>
    <row r="52" spans="1:28" ht="15.95" customHeight="1">
      <c r="A52" s="1155"/>
      <c r="B52" s="387"/>
      <c r="C52" s="387"/>
      <c r="D52" s="387"/>
      <c r="E52" s="387"/>
      <c r="F52" s="387"/>
      <c r="G52" s="387"/>
      <c r="H52" s="387"/>
      <c r="I52" s="387"/>
      <c r="J52" s="387"/>
      <c r="K52" s="387"/>
      <c r="L52" s="387"/>
      <c r="M52" s="387"/>
      <c r="N52" s="387"/>
      <c r="O52" s="387"/>
      <c r="P52" s="387"/>
      <c r="Q52" s="387"/>
      <c r="R52" s="387"/>
      <c r="S52" s="387"/>
      <c r="T52" s="387"/>
      <c r="U52" s="387"/>
      <c r="V52" s="387"/>
      <c r="W52" s="387"/>
      <c r="X52" s="387"/>
      <c r="Y52" s="387"/>
      <c r="Z52" s="387"/>
      <c r="AA52" s="387"/>
      <c r="AB52" s="387"/>
    </row>
    <row r="53" spans="1:28" ht="15.95" customHeight="1">
      <c r="A53" s="1154"/>
      <c r="B53" s="387"/>
      <c r="C53" s="387"/>
      <c r="D53" s="387"/>
      <c r="E53" s="387"/>
      <c r="F53" s="387"/>
      <c r="G53" s="387"/>
      <c r="H53" s="387"/>
      <c r="I53" s="387"/>
      <c r="J53" s="387"/>
      <c r="K53" s="387"/>
      <c r="L53" s="387"/>
      <c r="M53" s="387"/>
      <c r="N53" s="387"/>
      <c r="O53" s="387"/>
      <c r="P53" s="387"/>
      <c r="Q53" s="387"/>
      <c r="R53" s="387"/>
      <c r="S53" s="387"/>
      <c r="T53" s="387"/>
      <c r="U53" s="387"/>
      <c r="V53" s="387"/>
      <c r="W53" s="387"/>
      <c r="X53" s="387"/>
      <c r="Y53" s="387"/>
      <c r="Z53" s="387"/>
      <c r="AA53" s="387"/>
      <c r="AB53" s="387"/>
    </row>
    <row r="54" spans="1:28">
      <c r="A54" s="1154"/>
      <c r="B54" s="387"/>
      <c r="C54" s="387"/>
      <c r="D54" s="387"/>
      <c r="E54" s="387"/>
      <c r="F54" s="387"/>
      <c r="G54" s="387"/>
      <c r="H54" s="387"/>
      <c r="I54" s="387"/>
      <c r="J54" s="387"/>
      <c r="K54" s="387"/>
      <c r="L54" s="387"/>
      <c r="M54" s="387"/>
      <c r="N54" s="387"/>
      <c r="O54" s="387"/>
      <c r="P54" s="387"/>
      <c r="Q54" s="387"/>
      <c r="R54" s="387"/>
      <c r="S54" s="387"/>
      <c r="T54" s="387"/>
      <c r="U54" s="387"/>
      <c r="V54" s="387"/>
      <c r="W54" s="387"/>
      <c r="X54" s="387"/>
      <c r="Y54" s="387"/>
      <c r="Z54" s="387"/>
      <c r="AA54" s="387"/>
      <c r="AB54" s="387"/>
    </row>
  </sheetData>
  <mergeCells count="158">
    <mergeCell ref="B50:AB54"/>
    <mergeCell ref="A47:G47"/>
    <mergeCell ref="H47:K47"/>
    <mergeCell ref="L47:M47"/>
    <mergeCell ref="N47:X47"/>
    <mergeCell ref="Y47:Z47"/>
    <mergeCell ref="A48:G48"/>
    <mergeCell ref="H48:AB48"/>
    <mergeCell ref="A45:G45"/>
    <mergeCell ref="H45:K45"/>
    <mergeCell ref="L45:M45"/>
    <mergeCell ref="N45:X45"/>
    <mergeCell ref="Y45:Z45"/>
    <mergeCell ref="A46:G46"/>
    <mergeCell ref="H46:K46"/>
    <mergeCell ref="L46:M46"/>
    <mergeCell ref="N46:AB46"/>
    <mergeCell ref="T41:AB41"/>
    <mergeCell ref="E42:G42"/>
    <mergeCell ref="H42:AB42"/>
    <mergeCell ref="A43:AB43"/>
    <mergeCell ref="A44:G44"/>
    <mergeCell ref="H44:K44"/>
    <mergeCell ref="L44:M44"/>
    <mergeCell ref="N44:AB44"/>
    <mergeCell ref="B41:D42"/>
    <mergeCell ref="E41:G41"/>
    <mergeCell ref="H41:L41"/>
    <mergeCell ref="M41:N41"/>
    <mergeCell ref="O41:P41"/>
    <mergeCell ref="Q41:S41"/>
    <mergeCell ref="B37:D40"/>
    <mergeCell ref="E37:H37"/>
    <mergeCell ref="I37:J37"/>
    <mergeCell ref="L37:M37"/>
    <mergeCell ref="O37:AB37"/>
    <mergeCell ref="E38:H39"/>
    <mergeCell ref="K38:Q39"/>
    <mergeCell ref="T38:AB39"/>
    <mergeCell ref="E40:AB40"/>
    <mergeCell ref="A32:G32"/>
    <mergeCell ref="H32:AB32"/>
    <mergeCell ref="A33:E33"/>
    <mergeCell ref="F33:AB33"/>
    <mergeCell ref="A34:AB34"/>
    <mergeCell ref="A35:A42"/>
    <mergeCell ref="B35:D35"/>
    <mergeCell ref="E35:AB35"/>
    <mergeCell ref="B36:D36"/>
    <mergeCell ref="E36:AB36"/>
    <mergeCell ref="N29:X29"/>
    <mergeCell ref="Y29:Z29"/>
    <mergeCell ref="A30:G30"/>
    <mergeCell ref="H30:K30"/>
    <mergeCell ref="L30:M30"/>
    <mergeCell ref="A31:G31"/>
    <mergeCell ref="H31:K31"/>
    <mergeCell ref="L31:M31"/>
    <mergeCell ref="N31:X31"/>
    <mergeCell ref="Y31:Z31"/>
    <mergeCell ref="A28:G28"/>
    <mergeCell ref="H28:K28"/>
    <mergeCell ref="L28:M28"/>
    <mergeCell ref="A29:G29"/>
    <mergeCell ref="H29:K29"/>
    <mergeCell ref="L29:M29"/>
    <mergeCell ref="T25:Y25"/>
    <mergeCell ref="A26:G26"/>
    <mergeCell ref="H26:K26"/>
    <mergeCell ref="L26:M26"/>
    <mergeCell ref="P26:AB26"/>
    <mergeCell ref="A27:AB27"/>
    <mergeCell ref="T23:V23"/>
    <mergeCell ref="W23:Y23"/>
    <mergeCell ref="B24:G24"/>
    <mergeCell ref="H24:J24"/>
    <mergeCell ref="K24:M24"/>
    <mergeCell ref="N24:P24"/>
    <mergeCell ref="Q24:S24"/>
    <mergeCell ref="T24:V24"/>
    <mergeCell ref="W24:Y24"/>
    <mergeCell ref="A23:A25"/>
    <mergeCell ref="B23:G23"/>
    <mergeCell ref="H23:J23"/>
    <mergeCell ref="K23:M23"/>
    <mergeCell ref="N23:P23"/>
    <mergeCell ref="Q23:S23"/>
    <mergeCell ref="B25:G25"/>
    <mergeCell ref="H25:M25"/>
    <mergeCell ref="N25:S25"/>
    <mergeCell ref="H22:J22"/>
    <mergeCell ref="K22:M22"/>
    <mergeCell ref="N22:P22"/>
    <mergeCell ref="Q22:S22"/>
    <mergeCell ref="T22:V22"/>
    <mergeCell ref="W22:Y22"/>
    <mergeCell ref="B19:D19"/>
    <mergeCell ref="E19:M19"/>
    <mergeCell ref="N19:P19"/>
    <mergeCell ref="Q19:AB19"/>
    <mergeCell ref="A20:AB20"/>
    <mergeCell ref="A21:G22"/>
    <mergeCell ref="H21:M21"/>
    <mergeCell ref="N21:S21"/>
    <mergeCell ref="T21:Y21"/>
    <mergeCell ref="Z21:AB25"/>
    <mergeCell ref="H15:Y15"/>
    <mergeCell ref="AA15:AB15"/>
    <mergeCell ref="E16:G17"/>
    <mergeCell ref="H16:AB16"/>
    <mergeCell ref="H17:AB17"/>
    <mergeCell ref="A18:A19"/>
    <mergeCell ref="B18:D18"/>
    <mergeCell ref="E18:M18"/>
    <mergeCell ref="N18:P18"/>
    <mergeCell ref="Q18:AB18"/>
    <mergeCell ref="X11:Z11"/>
    <mergeCell ref="B12:D12"/>
    <mergeCell ref="E12:M12"/>
    <mergeCell ref="Q12:AB13"/>
    <mergeCell ref="B13:D13"/>
    <mergeCell ref="E13:M13"/>
    <mergeCell ref="A11:A17"/>
    <mergeCell ref="B11:D11"/>
    <mergeCell ref="E11:M11"/>
    <mergeCell ref="N11:P13"/>
    <mergeCell ref="Q11:S11"/>
    <mergeCell ref="T11:V11"/>
    <mergeCell ref="B14:G14"/>
    <mergeCell ref="H14:AB14"/>
    <mergeCell ref="B15:D17"/>
    <mergeCell ref="E15:G15"/>
    <mergeCell ref="E8:AB8"/>
    <mergeCell ref="B9:D10"/>
    <mergeCell ref="E9:G9"/>
    <mergeCell ref="H9:L9"/>
    <mergeCell ref="M9:N9"/>
    <mergeCell ref="O9:P9"/>
    <mergeCell ref="Q9:S9"/>
    <mergeCell ref="T9:AB9"/>
    <mergeCell ref="E10:G10"/>
    <mergeCell ref="H10:AB10"/>
    <mergeCell ref="I5:J5"/>
    <mergeCell ref="L5:M5"/>
    <mergeCell ref="O5:AB5"/>
    <mergeCell ref="E6:H7"/>
    <mergeCell ref="K6:Q7"/>
    <mergeCell ref="T6:AB7"/>
    <mergeCell ref="A1:AB1"/>
    <mergeCell ref="A2:A10"/>
    <mergeCell ref="B2:D2"/>
    <mergeCell ref="E2:AB2"/>
    <mergeCell ref="B3:D3"/>
    <mergeCell ref="E3:AB3"/>
    <mergeCell ref="B4:D4"/>
    <mergeCell ref="E4:AB4"/>
    <mergeCell ref="B5:D8"/>
    <mergeCell ref="E5:H5"/>
  </mergeCells>
  <phoneticPr fontId="3"/>
  <printOptions horizontalCentered="1"/>
  <pageMargins left="0.70866141732283472" right="0.70866141732283472" top="0.74803149606299213" bottom="0.74803149606299213" header="0.31496062992125984" footer="0.31496062992125984"/>
  <pageSetup paperSize="9" scale="5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10</xdr:col>
                    <xdr:colOff>38100</xdr:colOff>
                    <xdr:row>30</xdr:row>
                    <xdr:rowOff>152400</xdr:rowOff>
                  </from>
                  <to>
                    <xdr:col>13</xdr:col>
                    <xdr:colOff>152400</xdr:colOff>
                    <xdr:row>32</xdr:row>
                    <xdr:rowOff>5715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15</xdr:col>
                    <xdr:colOff>190500</xdr:colOff>
                    <xdr:row>30</xdr:row>
                    <xdr:rowOff>161925</xdr:rowOff>
                  </from>
                  <to>
                    <xdr:col>20</xdr:col>
                    <xdr:colOff>0</xdr:colOff>
                    <xdr:row>32</xdr:row>
                    <xdr:rowOff>47625</xdr:rowOff>
                  </to>
                </anchor>
              </controlPr>
            </control>
          </mc:Choice>
        </mc:AlternateContent>
        <mc:AlternateContent xmlns:mc="http://schemas.openxmlformats.org/markup-compatibility/2006">
          <mc:Choice Requires="x14">
            <control shapeId="5123" r:id="rId6" name="Check Box 3">
              <controlPr defaultSize="0" autoFill="0" autoLine="0" autoPict="0">
                <anchor moveWithCells="1">
                  <from>
                    <xdr:col>23</xdr:col>
                    <xdr:colOff>76200</xdr:colOff>
                    <xdr:row>30</xdr:row>
                    <xdr:rowOff>161925</xdr:rowOff>
                  </from>
                  <to>
                    <xdr:col>26</xdr:col>
                    <xdr:colOff>161925</xdr:colOff>
                    <xdr:row>32</xdr:row>
                    <xdr:rowOff>47625</xdr:rowOff>
                  </to>
                </anchor>
              </controlPr>
            </control>
          </mc:Choice>
        </mc:AlternateContent>
        <mc:AlternateContent xmlns:mc="http://schemas.openxmlformats.org/markup-compatibility/2006">
          <mc:Choice Requires="x14">
            <control shapeId="5124" r:id="rId7" name="Check Box 4">
              <controlPr defaultSize="0" autoFill="0" autoLine="0" autoPict="0">
                <anchor moveWithCells="1">
                  <from>
                    <xdr:col>10</xdr:col>
                    <xdr:colOff>38100</xdr:colOff>
                    <xdr:row>46</xdr:row>
                    <xdr:rowOff>152400</xdr:rowOff>
                  </from>
                  <to>
                    <xdr:col>13</xdr:col>
                    <xdr:colOff>152400</xdr:colOff>
                    <xdr:row>48</xdr:row>
                    <xdr:rowOff>57150</xdr:rowOff>
                  </to>
                </anchor>
              </controlPr>
            </control>
          </mc:Choice>
        </mc:AlternateContent>
        <mc:AlternateContent xmlns:mc="http://schemas.openxmlformats.org/markup-compatibility/2006">
          <mc:Choice Requires="x14">
            <control shapeId="5125" r:id="rId8" name="Check Box 5">
              <controlPr defaultSize="0" autoFill="0" autoLine="0" autoPict="0">
                <anchor moveWithCells="1">
                  <from>
                    <xdr:col>15</xdr:col>
                    <xdr:colOff>190500</xdr:colOff>
                    <xdr:row>46</xdr:row>
                    <xdr:rowOff>161925</xdr:rowOff>
                  </from>
                  <to>
                    <xdr:col>20</xdr:col>
                    <xdr:colOff>0</xdr:colOff>
                    <xdr:row>48</xdr:row>
                    <xdr:rowOff>47625</xdr:rowOff>
                  </to>
                </anchor>
              </controlPr>
            </control>
          </mc:Choice>
        </mc:AlternateContent>
        <mc:AlternateContent xmlns:mc="http://schemas.openxmlformats.org/markup-compatibility/2006">
          <mc:Choice Requires="x14">
            <control shapeId="5126" r:id="rId9" name="Check Box 6">
              <controlPr defaultSize="0" autoFill="0" autoLine="0" autoPict="0">
                <anchor moveWithCells="1">
                  <from>
                    <xdr:col>23</xdr:col>
                    <xdr:colOff>76200</xdr:colOff>
                    <xdr:row>46</xdr:row>
                    <xdr:rowOff>161925</xdr:rowOff>
                  </from>
                  <to>
                    <xdr:col>26</xdr:col>
                    <xdr:colOff>161925</xdr:colOff>
                    <xdr:row>48</xdr:row>
                    <xdr:rowOff>47625</xdr:rowOff>
                  </to>
                </anchor>
              </controlPr>
            </control>
          </mc:Choice>
        </mc:AlternateContent>
      </controls>
    </mc:Choice>
  </mc:AlternateConten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AD69BB-CDE1-4872-9E2A-D47F278C5EB1}">
  <sheetPr>
    <pageSetUpPr fitToPage="1"/>
  </sheetPr>
  <dimension ref="A1:AB25"/>
  <sheetViews>
    <sheetView view="pageBreakPreview" zoomScaleNormal="100" zoomScaleSheetLayoutView="100" workbookViewId="0">
      <selection activeCell="A2" sqref="A2:AK76"/>
    </sheetView>
  </sheetViews>
  <sheetFormatPr defaultColWidth="9.125" defaultRowHeight="16.5"/>
  <cols>
    <col min="1" max="1" width="8.75" style="171" customWidth="1"/>
    <col min="2" max="5" width="5.125" style="171" customWidth="1"/>
    <col min="6" max="28" width="4.125" style="171" customWidth="1"/>
    <col min="29" max="16384" width="9.125" style="171"/>
  </cols>
  <sheetData>
    <row r="1" spans="1:28" ht="36" customHeight="1">
      <c r="A1" s="683" t="s">
        <v>220</v>
      </c>
      <c r="B1" s="1156"/>
      <c r="C1" s="1156"/>
      <c r="D1" s="1156"/>
      <c r="E1" s="1156"/>
      <c r="F1" s="1156"/>
      <c r="G1" s="1156"/>
      <c r="H1" s="1156"/>
      <c r="I1" s="1156"/>
      <c r="J1" s="1156"/>
      <c r="K1" s="1156"/>
      <c r="L1" s="1156"/>
      <c r="M1" s="1156"/>
      <c r="N1" s="1156"/>
      <c r="O1" s="1156"/>
      <c r="P1" s="1156"/>
      <c r="Q1" s="1156"/>
      <c r="R1" s="1156"/>
      <c r="S1" s="1156"/>
      <c r="T1" s="1156"/>
      <c r="U1" s="1156"/>
      <c r="V1" s="1156"/>
      <c r="W1" s="1156"/>
      <c r="X1" s="1156"/>
      <c r="Y1" s="1156"/>
      <c r="Z1" s="1156"/>
      <c r="AA1" s="1156"/>
      <c r="AB1" s="1156"/>
    </row>
    <row r="2" spans="1:28" ht="19.149999999999999" customHeight="1">
      <c r="A2" s="1157"/>
      <c r="B2" s="1158"/>
      <c r="C2" s="1158"/>
      <c r="D2" s="1158"/>
      <c r="E2" s="1158"/>
      <c r="F2" s="1158"/>
      <c r="G2" s="1158"/>
      <c r="H2" s="1158"/>
      <c r="I2" s="1158"/>
      <c r="J2" s="1158"/>
      <c r="K2" s="1158"/>
      <c r="L2" s="1158"/>
      <c r="M2" s="1158"/>
      <c r="N2" s="1158"/>
      <c r="O2" s="1158"/>
      <c r="P2" s="1158"/>
      <c r="Q2" s="1158"/>
      <c r="R2" s="1158"/>
      <c r="S2" s="1158"/>
      <c r="T2" s="1158"/>
      <c r="U2" s="1158"/>
      <c r="V2" s="1158"/>
      <c r="W2" s="1158"/>
      <c r="X2" s="1158"/>
      <c r="Y2" s="1158"/>
      <c r="Z2" s="1158"/>
      <c r="AA2" s="1158"/>
      <c r="AB2" s="1158"/>
    </row>
    <row r="3" spans="1:28" ht="22.15" customHeight="1" thickBot="1">
      <c r="A3" s="1157" t="s">
        <v>221</v>
      </c>
      <c r="B3" s="1157"/>
      <c r="C3" s="1157"/>
      <c r="D3" s="1157"/>
      <c r="E3" s="1157"/>
      <c r="F3" s="1157"/>
      <c r="G3" s="1157"/>
      <c r="H3" s="1157"/>
      <c r="I3" s="1157"/>
      <c r="J3" s="1157"/>
      <c r="K3" s="1157"/>
      <c r="L3" s="1157"/>
      <c r="M3" s="1157"/>
      <c r="N3" s="1157"/>
      <c r="O3" s="1157"/>
      <c r="P3" s="1157"/>
      <c r="Q3" s="1157"/>
      <c r="R3" s="1159"/>
      <c r="S3" s="1159"/>
      <c r="T3" s="1159"/>
      <c r="U3" s="1159"/>
      <c r="V3" s="1159"/>
      <c r="W3" s="1159"/>
      <c r="X3" s="1159"/>
      <c r="Y3" s="1159"/>
      <c r="Z3" s="1159"/>
      <c r="AA3" s="1159"/>
      <c r="AB3" s="1159"/>
    </row>
    <row r="4" spans="1:28" ht="26.45" customHeight="1">
      <c r="A4" s="1160" t="s">
        <v>203</v>
      </c>
      <c r="B4" s="1161" t="s">
        <v>204</v>
      </c>
      <c r="C4" s="1161"/>
      <c r="D4" s="1161"/>
      <c r="E4" s="1162"/>
      <c r="F4" s="1162"/>
      <c r="G4" s="1162"/>
      <c r="H4" s="1162"/>
      <c r="I4" s="1162"/>
      <c r="J4" s="1162"/>
      <c r="K4" s="1162"/>
      <c r="L4" s="1162"/>
      <c r="M4" s="1162"/>
      <c r="N4" s="1163" t="s">
        <v>205</v>
      </c>
      <c r="O4" s="1164"/>
      <c r="P4" s="1165"/>
      <c r="Q4" s="1166"/>
      <c r="R4" s="1166"/>
      <c r="S4" s="1166"/>
      <c r="T4" s="1166"/>
      <c r="U4" s="1166"/>
      <c r="V4" s="1166"/>
      <c r="W4" s="1166"/>
      <c r="X4" s="1166"/>
      <c r="Y4" s="1166"/>
      <c r="Z4" s="1166"/>
      <c r="AA4" s="1166"/>
      <c r="AB4" s="1167"/>
    </row>
    <row r="5" spans="1:28" ht="26.45" customHeight="1">
      <c r="A5" s="1168"/>
      <c r="B5" s="232" t="s">
        <v>204</v>
      </c>
      <c r="C5" s="232"/>
      <c r="D5" s="232"/>
      <c r="E5" s="1169"/>
      <c r="F5" s="1169"/>
      <c r="G5" s="1169"/>
      <c r="H5" s="1169"/>
      <c r="I5" s="1169"/>
      <c r="J5" s="1169"/>
      <c r="K5" s="1169"/>
      <c r="L5" s="1169"/>
      <c r="M5" s="1169"/>
      <c r="N5" s="1170" t="s">
        <v>205</v>
      </c>
      <c r="O5" s="1171"/>
      <c r="P5" s="1172"/>
      <c r="Q5" s="1173"/>
      <c r="R5" s="1173"/>
      <c r="S5" s="1173"/>
      <c r="T5" s="1173"/>
      <c r="U5" s="1173"/>
      <c r="V5" s="1173"/>
      <c r="W5" s="1173"/>
      <c r="X5" s="1173"/>
      <c r="Y5" s="1173"/>
      <c r="Z5" s="1173"/>
      <c r="AA5" s="1173"/>
      <c r="AB5" s="1174"/>
    </row>
    <row r="6" spans="1:28" ht="26.45" customHeight="1" thickBot="1">
      <c r="A6" s="1175"/>
      <c r="B6" s="242" t="s">
        <v>204</v>
      </c>
      <c r="C6" s="242"/>
      <c r="D6" s="242"/>
      <c r="E6" s="1176"/>
      <c r="F6" s="1176"/>
      <c r="G6" s="1176"/>
      <c r="H6" s="1176"/>
      <c r="I6" s="1176"/>
      <c r="J6" s="1176"/>
      <c r="K6" s="1176"/>
      <c r="L6" s="1176"/>
      <c r="M6" s="1176"/>
      <c r="N6" s="1177" t="s">
        <v>205</v>
      </c>
      <c r="O6" s="1178"/>
      <c r="P6" s="1179"/>
      <c r="Q6" s="1180"/>
      <c r="R6" s="1180"/>
      <c r="S6" s="1180"/>
      <c r="T6" s="1180"/>
      <c r="U6" s="1180"/>
      <c r="V6" s="1180"/>
      <c r="W6" s="1180"/>
      <c r="X6" s="1180"/>
      <c r="Y6" s="1180"/>
      <c r="Z6" s="1180"/>
      <c r="AA6" s="1180"/>
      <c r="AB6" s="1181"/>
    </row>
    <row r="7" spans="1:28" ht="26.45" customHeight="1">
      <c r="A7" s="1182"/>
      <c r="B7" s="1182"/>
      <c r="C7" s="1182"/>
      <c r="D7" s="1182"/>
      <c r="E7" s="1182"/>
      <c r="F7" s="1182"/>
      <c r="G7" s="1182"/>
      <c r="H7" s="1182"/>
      <c r="I7" s="1182"/>
      <c r="J7" s="1182"/>
      <c r="K7" s="1182"/>
      <c r="L7" s="1182"/>
      <c r="M7" s="1182"/>
      <c r="N7" s="1182"/>
      <c r="O7" s="1182"/>
      <c r="P7" s="1182"/>
      <c r="Q7" s="1182"/>
      <c r="R7" s="1159"/>
      <c r="S7" s="1159"/>
      <c r="T7" s="1159"/>
      <c r="U7" s="1159"/>
      <c r="V7" s="1159"/>
      <c r="W7" s="1159"/>
      <c r="X7" s="1159"/>
      <c r="Y7" s="1159"/>
      <c r="Z7" s="1159"/>
      <c r="AA7" s="1159"/>
      <c r="AB7" s="1159"/>
    </row>
    <row r="8" spans="1:28" ht="34.9" customHeight="1">
      <c r="A8" s="1157" t="s">
        <v>217</v>
      </c>
      <c r="B8" s="1158"/>
      <c r="C8" s="1158"/>
      <c r="D8" s="1158"/>
      <c r="E8" s="1158"/>
      <c r="F8" s="1158"/>
      <c r="G8" s="1158"/>
      <c r="H8" s="1158"/>
      <c r="I8" s="1158"/>
      <c r="J8" s="1158"/>
      <c r="K8" s="1158"/>
      <c r="L8" s="1158"/>
      <c r="M8" s="1158"/>
      <c r="N8" s="1158"/>
      <c r="O8" s="1158"/>
      <c r="P8" s="1158"/>
      <c r="Q8" s="1158"/>
      <c r="R8" s="1158"/>
      <c r="S8" s="1158"/>
      <c r="T8" s="1158"/>
      <c r="U8" s="1158"/>
      <c r="V8" s="1158"/>
      <c r="W8" s="1158"/>
      <c r="X8" s="1158"/>
      <c r="Y8" s="1158"/>
      <c r="Z8" s="1158"/>
      <c r="AA8" s="1158"/>
      <c r="AB8" s="1158"/>
    </row>
    <row r="9" spans="1:28" ht="26.45" customHeight="1" thickBot="1">
      <c r="A9" s="1183" t="s">
        <v>57</v>
      </c>
      <c r="B9" s="1183"/>
      <c r="C9" s="1183"/>
      <c r="D9" s="1183"/>
      <c r="E9" s="1183"/>
      <c r="F9" s="1183"/>
      <c r="G9" s="1183"/>
      <c r="H9" s="1183"/>
      <c r="I9" s="1183"/>
      <c r="J9" s="1183"/>
      <c r="K9" s="1183"/>
      <c r="L9" s="1183"/>
      <c r="M9" s="1183"/>
      <c r="N9" s="1183"/>
      <c r="O9" s="1183"/>
      <c r="P9" s="1183"/>
      <c r="Q9" s="1183"/>
      <c r="R9" s="1159"/>
      <c r="S9" s="1159"/>
      <c r="T9" s="1159"/>
      <c r="U9" s="1159"/>
      <c r="V9" s="1159"/>
      <c r="W9" s="1159"/>
      <c r="X9" s="1159"/>
      <c r="Y9" s="1159"/>
      <c r="Z9" s="1159"/>
      <c r="AA9" s="1159"/>
      <c r="AB9" s="1159"/>
    </row>
    <row r="10" spans="1:28" ht="15" customHeight="1">
      <c r="A10" s="216" t="s">
        <v>1</v>
      </c>
      <c r="B10" s="1161" t="s">
        <v>3</v>
      </c>
      <c r="C10" s="1161"/>
      <c r="D10" s="1161"/>
      <c r="E10" s="217"/>
      <c r="F10" s="218"/>
      <c r="G10" s="218"/>
      <c r="H10" s="218"/>
      <c r="I10" s="218"/>
      <c r="J10" s="218"/>
      <c r="K10" s="218"/>
      <c r="L10" s="218"/>
      <c r="M10" s="218"/>
      <c r="N10" s="218"/>
      <c r="O10" s="218"/>
      <c r="P10" s="218"/>
      <c r="Q10" s="218"/>
      <c r="R10" s="218"/>
      <c r="S10" s="218"/>
      <c r="T10" s="218"/>
      <c r="U10" s="218"/>
      <c r="V10" s="218"/>
      <c r="W10" s="218"/>
      <c r="X10" s="218"/>
      <c r="Y10" s="218"/>
      <c r="Z10" s="218"/>
      <c r="AA10" s="218"/>
      <c r="AB10" s="219"/>
    </row>
    <row r="11" spans="1:28" ht="15" customHeight="1">
      <c r="A11" s="220"/>
      <c r="B11" s="232" t="s">
        <v>92</v>
      </c>
      <c r="C11" s="232"/>
      <c r="D11" s="232"/>
      <c r="E11" s="1169"/>
      <c r="F11" s="1169"/>
      <c r="G11" s="1169"/>
      <c r="H11" s="1169"/>
      <c r="I11" s="1169"/>
      <c r="J11" s="1169"/>
      <c r="K11" s="1169"/>
      <c r="L11" s="1169"/>
      <c r="M11" s="1169"/>
      <c r="N11" s="1169"/>
      <c r="O11" s="1169"/>
      <c r="P11" s="1169"/>
      <c r="Q11" s="1169"/>
      <c r="R11" s="1169"/>
      <c r="S11" s="1169"/>
      <c r="T11" s="1169"/>
      <c r="U11" s="1169"/>
      <c r="V11" s="1169"/>
      <c r="W11" s="1169"/>
      <c r="X11" s="1169"/>
      <c r="Y11" s="1169"/>
      <c r="Z11" s="1169"/>
      <c r="AA11" s="1169"/>
      <c r="AB11" s="1184"/>
    </row>
    <row r="12" spans="1:28" ht="15" customHeight="1">
      <c r="A12" s="220"/>
      <c r="B12" s="232" t="s">
        <v>5</v>
      </c>
      <c r="C12" s="232"/>
      <c r="D12" s="232"/>
      <c r="E12" s="631" t="s">
        <v>199</v>
      </c>
      <c r="F12" s="181"/>
      <c r="G12" s="181"/>
      <c r="H12" s="181"/>
      <c r="I12" s="1185"/>
      <c r="J12" s="1185"/>
      <c r="K12" s="249" t="s">
        <v>7</v>
      </c>
      <c r="L12" s="1185"/>
      <c r="M12" s="1185"/>
      <c r="N12" s="249" t="s">
        <v>30</v>
      </c>
      <c r="O12" s="181"/>
      <c r="P12" s="181"/>
      <c r="Q12" s="181"/>
      <c r="R12" s="181"/>
      <c r="S12" s="181"/>
      <c r="T12" s="181"/>
      <c r="U12" s="181"/>
      <c r="V12" s="181"/>
      <c r="W12" s="181"/>
      <c r="X12" s="181"/>
      <c r="Y12" s="181"/>
      <c r="Z12" s="181"/>
      <c r="AA12" s="181"/>
      <c r="AB12" s="1186"/>
    </row>
    <row r="13" spans="1:28" ht="15" customHeight="1">
      <c r="A13" s="220"/>
      <c r="B13" s="232"/>
      <c r="C13" s="232"/>
      <c r="D13" s="232"/>
      <c r="E13" s="1187"/>
      <c r="F13" s="419"/>
      <c r="G13" s="419"/>
      <c r="H13" s="419"/>
      <c r="I13" s="420" t="s">
        <v>64</v>
      </c>
      <c r="J13" s="421" t="s">
        <v>65</v>
      </c>
      <c r="K13" s="419"/>
      <c r="L13" s="419"/>
      <c r="M13" s="419"/>
      <c r="N13" s="419"/>
      <c r="O13" s="419"/>
      <c r="P13" s="419"/>
      <c r="Q13" s="419"/>
      <c r="R13" s="420" t="s">
        <v>66</v>
      </c>
      <c r="S13" s="421" t="s">
        <v>67</v>
      </c>
      <c r="T13" s="1188"/>
      <c r="U13" s="1188"/>
      <c r="V13" s="1188"/>
      <c r="W13" s="1188"/>
      <c r="X13" s="1188"/>
      <c r="Y13" s="1188"/>
      <c r="Z13" s="1188"/>
      <c r="AA13" s="1188"/>
      <c r="AB13" s="1189"/>
    </row>
    <row r="14" spans="1:28" ht="15" customHeight="1">
      <c r="A14" s="220"/>
      <c r="B14" s="232"/>
      <c r="C14" s="232"/>
      <c r="D14" s="232"/>
      <c r="E14" s="1187"/>
      <c r="F14" s="419"/>
      <c r="G14" s="419"/>
      <c r="H14" s="419"/>
      <c r="I14" s="420" t="s">
        <v>68</v>
      </c>
      <c r="J14" s="421" t="s">
        <v>69</v>
      </c>
      <c r="K14" s="419"/>
      <c r="L14" s="419"/>
      <c r="M14" s="419"/>
      <c r="N14" s="419"/>
      <c r="O14" s="419"/>
      <c r="P14" s="419"/>
      <c r="Q14" s="419"/>
      <c r="R14" s="420" t="s">
        <v>70</v>
      </c>
      <c r="S14" s="421" t="s">
        <v>71</v>
      </c>
      <c r="T14" s="1188"/>
      <c r="U14" s="1188"/>
      <c r="V14" s="1188"/>
      <c r="W14" s="1188"/>
      <c r="X14" s="1188"/>
      <c r="Y14" s="1188"/>
      <c r="Z14" s="1188"/>
      <c r="AA14" s="1188"/>
      <c r="AB14" s="1189"/>
    </row>
    <row r="15" spans="1:28" ht="19.149999999999999" customHeight="1">
      <c r="A15" s="220"/>
      <c r="B15" s="232"/>
      <c r="C15" s="232"/>
      <c r="D15" s="232"/>
      <c r="E15" s="190" t="s">
        <v>218</v>
      </c>
      <c r="F15" s="191"/>
      <c r="G15" s="191"/>
      <c r="H15" s="191"/>
      <c r="I15" s="191"/>
      <c r="J15" s="191"/>
      <c r="K15" s="191"/>
      <c r="L15" s="191"/>
      <c r="M15" s="191"/>
      <c r="N15" s="191"/>
      <c r="O15" s="191"/>
      <c r="P15" s="191"/>
      <c r="Q15" s="191"/>
      <c r="R15" s="191"/>
      <c r="S15" s="191"/>
      <c r="T15" s="191"/>
      <c r="U15" s="191"/>
      <c r="V15" s="191"/>
      <c r="W15" s="191"/>
      <c r="X15" s="191"/>
      <c r="Y15" s="191"/>
      <c r="Z15" s="191"/>
      <c r="AA15" s="191"/>
      <c r="AB15" s="192"/>
    </row>
    <row r="16" spans="1:28" ht="15" customHeight="1">
      <c r="A16" s="220"/>
      <c r="B16" s="232" t="s">
        <v>13</v>
      </c>
      <c r="C16" s="232"/>
      <c r="D16" s="232"/>
      <c r="E16" s="232" t="s">
        <v>72</v>
      </c>
      <c r="F16" s="232"/>
      <c r="G16" s="232"/>
      <c r="H16" s="235"/>
      <c r="I16" s="236"/>
      <c r="J16" s="236"/>
      <c r="K16" s="236"/>
      <c r="L16" s="236"/>
      <c r="M16" s="1190" t="s">
        <v>15</v>
      </c>
      <c r="N16" s="1190"/>
      <c r="O16" s="659"/>
      <c r="P16" s="704"/>
      <c r="Q16" s="232" t="s">
        <v>200</v>
      </c>
      <c r="R16" s="232"/>
      <c r="S16" s="232"/>
      <c r="T16" s="1191"/>
      <c r="U16" s="1191"/>
      <c r="V16" s="1191"/>
      <c r="W16" s="1191"/>
      <c r="X16" s="1191"/>
      <c r="Y16" s="1191"/>
      <c r="Z16" s="1191"/>
      <c r="AA16" s="1191"/>
      <c r="AB16" s="1192"/>
    </row>
    <row r="17" spans="1:28" ht="15" customHeight="1">
      <c r="A17" s="220"/>
      <c r="B17" s="232"/>
      <c r="C17" s="232"/>
      <c r="D17" s="232"/>
      <c r="E17" s="232" t="s">
        <v>17</v>
      </c>
      <c r="F17" s="232"/>
      <c r="G17" s="232"/>
      <c r="H17" s="1191"/>
      <c r="I17" s="1191"/>
      <c r="J17" s="1191"/>
      <c r="K17" s="1191"/>
      <c r="L17" s="1191"/>
      <c r="M17" s="1191"/>
      <c r="N17" s="1191"/>
      <c r="O17" s="1191"/>
      <c r="P17" s="1191"/>
      <c r="Q17" s="1191"/>
      <c r="R17" s="1191"/>
      <c r="S17" s="1191"/>
      <c r="T17" s="1191"/>
      <c r="U17" s="1191"/>
      <c r="V17" s="1191"/>
      <c r="W17" s="1191"/>
      <c r="X17" s="1191"/>
      <c r="Y17" s="1191"/>
      <c r="Z17" s="1191"/>
      <c r="AA17" s="1191"/>
      <c r="AB17" s="1192"/>
    </row>
    <row r="18" spans="1:28" ht="15" customHeight="1">
      <c r="A18" s="1193" t="s">
        <v>209</v>
      </c>
      <c r="B18" s="1194"/>
      <c r="C18" s="1194"/>
      <c r="D18" s="1194"/>
      <c r="E18" s="1194"/>
      <c r="F18" s="1194"/>
      <c r="G18" s="1194"/>
      <c r="H18" s="1194"/>
      <c r="I18" s="1194"/>
      <c r="J18" s="1195"/>
      <c r="K18" s="1195"/>
      <c r="L18" s="1195"/>
      <c r="M18" s="1195"/>
      <c r="N18" s="1195"/>
      <c r="O18" s="1195"/>
      <c r="P18" s="1195"/>
      <c r="Q18" s="1195"/>
      <c r="R18" s="1195"/>
      <c r="S18" s="1195"/>
      <c r="T18" s="1195"/>
      <c r="U18" s="1195"/>
      <c r="V18" s="1195"/>
      <c r="W18" s="1195"/>
      <c r="X18" s="1195"/>
      <c r="Y18" s="1195"/>
      <c r="Z18" s="1195"/>
      <c r="AA18" s="1195"/>
      <c r="AB18" s="1196"/>
    </row>
    <row r="19" spans="1:28" ht="15" customHeight="1">
      <c r="A19" s="1197" t="s">
        <v>210</v>
      </c>
      <c r="B19" s="883"/>
      <c r="C19" s="883"/>
      <c r="D19" s="883"/>
      <c r="E19" s="883"/>
      <c r="F19" s="883"/>
      <c r="G19" s="234"/>
      <c r="H19" s="1198"/>
      <c r="I19" s="1199"/>
      <c r="J19" s="1199"/>
      <c r="K19" s="1199"/>
      <c r="L19" s="659" t="s">
        <v>177</v>
      </c>
      <c r="M19" s="704"/>
      <c r="N19" s="658"/>
      <c r="O19" s="659"/>
      <c r="P19" s="659"/>
      <c r="Q19" s="659"/>
      <c r="R19" s="659"/>
      <c r="S19" s="659"/>
      <c r="T19" s="659"/>
      <c r="U19" s="659"/>
      <c r="V19" s="659"/>
      <c r="W19" s="659"/>
      <c r="X19" s="659"/>
      <c r="Y19" s="659"/>
      <c r="Z19" s="659"/>
      <c r="AA19" s="659"/>
      <c r="AB19" s="1200"/>
    </row>
    <row r="20" spans="1:28" ht="15" customHeight="1">
      <c r="A20" s="193" t="s">
        <v>211</v>
      </c>
      <c r="B20" s="194"/>
      <c r="C20" s="194"/>
      <c r="D20" s="194"/>
      <c r="E20" s="194"/>
      <c r="F20" s="194"/>
      <c r="G20" s="195"/>
      <c r="H20" s="1198"/>
      <c r="I20" s="1199"/>
      <c r="J20" s="1199"/>
      <c r="K20" s="1199"/>
      <c r="L20" s="1201" t="s">
        <v>177</v>
      </c>
      <c r="M20" s="1202"/>
      <c r="N20" s="1203" t="s">
        <v>212</v>
      </c>
      <c r="O20" s="1203"/>
      <c r="P20" s="1203"/>
      <c r="Q20" s="1203"/>
      <c r="R20" s="1203"/>
      <c r="S20" s="1203"/>
      <c r="T20" s="1203"/>
      <c r="U20" s="1203"/>
      <c r="V20" s="1203"/>
      <c r="W20" s="1203"/>
      <c r="X20" s="1204"/>
      <c r="Y20" s="1205"/>
      <c r="Z20" s="1206"/>
      <c r="AA20" s="883" t="s">
        <v>138</v>
      </c>
      <c r="AB20" s="1207"/>
    </row>
    <row r="21" spans="1:28" s="1209" customFormat="1" ht="15" customHeight="1">
      <c r="A21" s="1208" t="s">
        <v>213</v>
      </c>
      <c r="B21" s="232"/>
      <c r="C21" s="232"/>
      <c r="D21" s="232"/>
      <c r="E21" s="232"/>
      <c r="F21" s="232"/>
      <c r="G21" s="233"/>
      <c r="H21" s="1198"/>
      <c r="I21" s="1199"/>
      <c r="J21" s="1199"/>
      <c r="K21" s="1199"/>
      <c r="L21" s="883" t="s">
        <v>178</v>
      </c>
      <c r="M21" s="234"/>
      <c r="N21" s="233"/>
      <c r="O21" s="883"/>
      <c r="P21" s="883"/>
      <c r="Q21" s="883"/>
      <c r="R21" s="883"/>
      <c r="S21" s="883"/>
      <c r="T21" s="883"/>
      <c r="U21" s="883"/>
      <c r="V21" s="883"/>
      <c r="W21" s="883"/>
      <c r="X21" s="883"/>
      <c r="Y21" s="883"/>
      <c r="Z21" s="883"/>
      <c r="AA21" s="883"/>
      <c r="AB21" s="1207"/>
    </row>
    <row r="22" spans="1:28" s="1209" customFormat="1" ht="15" customHeight="1">
      <c r="A22" s="1208" t="s">
        <v>214</v>
      </c>
      <c r="B22" s="232"/>
      <c r="C22" s="232"/>
      <c r="D22" s="232"/>
      <c r="E22" s="232"/>
      <c r="F22" s="232"/>
      <c r="G22" s="232"/>
      <c r="H22" s="1198"/>
      <c r="I22" s="1199"/>
      <c r="J22" s="1199"/>
      <c r="K22" s="1199"/>
      <c r="L22" s="883" t="s">
        <v>178</v>
      </c>
      <c r="M22" s="234"/>
      <c r="N22" s="883" t="s">
        <v>215</v>
      </c>
      <c r="O22" s="883"/>
      <c r="P22" s="883"/>
      <c r="Q22" s="883"/>
      <c r="R22" s="883"/>
      <c r="S22" s="883"/>
      <c r="T22" s="883"/>
      <c r="U22" s="883"/>
      <c r="V22" s="883"/>
      <c r="W22" s="883"/>
      <c r="X22" s="234"/>
      <c r="Y22" s="1205"/>
      <c r="Z22" s="1206"/>
      <c r="AA22" s="1210" t="s">
        <v>178</v>
      </c>
      <c r="AB22" s="1211"/>
    </row>
    <row r="23" spans="1:28" s="1209" customFormat="1" ht="15" customHeight="1" thickBot="1">
      <c r="A23" s="1212" t="s">
        <v>216</v>
      </c>
      <c r="B23" s="242"/>
      <c r="C23" s="242"/>
      <c r="D23" s="242"/>
      <c r="E23" s="242"/>
      <c r="F23" s="242"/>
      <c r="G23" s="242"/>
      <c r="H23" s="1213"/>
      <c r="I23" s="1214"/>
      <c r="J23" s="1214"/>
      <c r="K23" s="1214"/>
      <c r="L23" s="1214"/>
      <c r="M23" s="1214"/>
      <c r="N23" s="1214"/>
      <c r="O23" s="1214"/>
      <c r="P23" s="1214"/>
      <c r="Q23" s="1214"/>
      <c r="R23" s="1214"/>
      <c r="S23" s="1214"/>
      <c r="T23" s="1214"/>
      <c r="U23" s="1214"/>
      <c r="V23" s="1214"/>
      <c r="W23" s="1214"/>
      <c r="X23" s="1214"/>
      <c r="Y23" s="1214"/>
      <c r="Z23" s="1214"/>
      <c r="AA23" s="1214"/>
      <c r="AB23" s="1215"/>
    </row>
    <row r="24" spans="1:28" ht="16.5" customHeight="1">
      <c r="A24" s="1216"/>
      <c r="B24" s="1216"/>
      <c r="C24" s="1216"/>
      <c r="D24" s="1216"/>
      <c r="E24" s="1216"/>
      <c r="F24" s="1217"/>
      <c r="G24" s="1217"/>
      <c r="H24" s="1217"/>
      <c r="I24" s="1217"/>
      <c r="J24" s="1217"/>
      <c r="K24" s="1217"/>
      <c r="L24" s="1217"/>
      <c r="M24" s="1217"/>
      <c r="N24" s="1217"/>
      <c r="O24" s="1217"/>
      <c r="P24" s="1217"/>
      <c r="Q24" s="1217"/>
      <c r="R24" s="1217"/>
      <c r="S24" s="1217"/>
      <c r="T24" s="1217"/>
      <c r="U24" s="1217"/>
      <c r="V24" s="1217"/>
      <c r="W24" s="1217"/>
      <c r="X24" s="1217"/>
      <c r="Y24" s="1217"/>
      <c r="Z24" s="1217"/>
      <c r="AA24" s="1217"/>
      <c r="AB24" s="1217"/>
    </row>
    <row r="25" spans="1:28">
      <c r="A25" s="1218"/>
      <c r="B25" s="1219"/>
      <c r="C25" s="1219"/>
      <c r="D25" s="1219"/>
      <c r="E25" s="1219"/>
      <c r="F25" s="1219"/>
      <c r="G25" s="1219"/>
      <c r="H25" s="1219"/>
      <c r="I25" s="1219"/>
      <c r="J25" s="1219"/>
      <c r="K25" s="1219"/>
      <c r="L25" s="1219"/>
      <c r="M25" s="1219"/>
      <c r="N25" s="1219"/>
      <c r="O25" s="1219"/>
      <c r="P25" s="1219"/>
      <c r="Q25" s="1219"/>
      <c r="R25" s="1219"/>
      <c r="S25" s="1219"/>
      <c r="T25" s="1219"/>
      <c r="U25" s="1219"/>
      <c r="V25" s="1219"/>
      <c r="W25" s="1219"/>
      <c r="X25" s="1219"/>
      <c r="Y25" s="1219"/>
      <c r="Z25" s="1219"/>
      <c r="AA25" s="1219"/>
      <c r="AB25" s="1219"/>
    </row>
  </sheetData>
  <mergeCells count="65">
    <mergeCell ref="A23:G23"/>
    <mergeCell ref="H23:AB23"/>
    <mergeCell ref="B25:AB25"/>
    <mergeCell ref="A21:G21"/>
    <mergeCell ref="H21:K21"/>
    <mergeCell ref="L21:M21"/>
    <mergeCell ref="N21:AB21"/>
    <mergeCell ref="A22:G22"/>
    <mergeCell ref="H22:K22"/>
    <mergeCell ref="L22:M22"/>
    <mergeCell ref="N22:X22"/>
    <mergeCell ref="Y22:Z22"/>
    <mergeCell ref="AA22:AB22"/>
    <mergeCell ref="A20:G20"/>
    <mergeCell ref="H20:K20"/>
    <mergeCell ref="L20:M20"/>
    <mergeCell ref="N20:X20"/>
    <mergeCell ref="Y20:Z20"/>
    <mergeCell ref="AA20:AB20"/>
    <mergeCell ref="T16:AB16"/>
    <mergeCell ref="E17:G17"/>
    <mergeCell ref="H17:AB17"/>
    <mergeCell ref="A18:AB18"/>
    <mergeCell ref="A19:G19"/>
    <mergeCell ref="H19:K19"/>
    <mergeCell ref="L19:M19"/>
    <mergeCell ref="N19:AB19"/>
    <mergeCell ref="B16:D17"/>
    <mergeCell ref="E16:G16"/>
    <mergeCell ref="H16:L16"/>
    <mergeCell ref="M16:N16"/>
    <mergeCell ref="O16:P16"/>
    <mergeCell ref="Q16:S16"/>
    <mergeCell ref="L12:M12"/>
    <mergeCell ref="O12:AB12"/>
    <mergeCell ref="E13:H14"/>
    <mergeCell ref="K13:Q14"/>
    <mergeCell ref="T13:AB14"/>
    <mergeCell ref="E15:AB15"/>
    <mergeCell ref="A8:AB8"/>
    <mergeCell ref="A9:Q9"/>
    <mergeCell ref="A10:A17"/>
    <mergeCell ref="B10:D10"/>
    <mergeCell ref="E10:AB10"/>
    <mergeCell ref="B11:D11"/>
    <mergeCell ref="E11:AB11"/>
    <mergeCell ref="B12:D15"/>
    <mergeCell ref="E12:H12"/>
    <mergeCell ref="I12:J12"/>
    <mergeCell ref="N5:P5"/>
    <mergeCell ref="Q5:AB5"/>
    <mergeCell ref="B6:D6"/>
    <mergeCell ref="E6:M6"/>
    <mergeCell ref="N6:P6"/>
    <mergeCell ref="Q6:AB6"/>
    <mergeCell ref="A1:AB1"/>
    <mergeCell ref="A2:AB2"/>
    <mergeCell ref="A3:Q3"/>
    <mergeCell ref="A4:A6"/>
    <mergeCell ref="B4:D4"/>
    <mergeCell ref="E4:M4"/>
    <mergeCell ref="N4:P4"/>
    <mergeCell ref="Q4:AB4"/>
    <mergeCell ref="B5:D5"/>
    <mergeCell ref="E5:M5"/>
  </mergeCells>
  <phoneticPr fontId="3"/>
  <printOptions horizontalCentered="1"/>
  <pageMargins left="0.70866141732283472" right="0.70866141732283472" top="0.74803149606299213" bottom="0.74803149606299213" header="0.31496062992125984" footer="0.31496062992125984"/>
  <pageSetup paperSize="9" scale="6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10</xdr:col>
                    <xdr:colOff>38100</xdr:colOff>
                    <xdr:row>21</xdr:row>
                    <xdr:rowOff>142875</xdr:rowOff>
                  </from>
                  <to>
                    <xdr:col>13</xdr:col>
                    <xdr:colOff>152400</xdr:colOff>
                    <xdr:row>23</xdr:row>
                    <xdr:rowOff>5715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15</xdr:col>
                    <xdr:colOff>190500</xdr:colOff>
                    <xdr:row>21</xdr:row>
                    <xdr:rowOff>161925</xdr:rowOff>
                  </from>
                  <to>
                    <xdr:col>20</xdr:col>
                    <xdr:colOff>0</xdr:colOff>
                    <xdr:row>23</xdr:row>
                    <xdr:rowOff>3810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23</xdr:col>
                    <xdr:colOff>76200</xdr:colOff>
                    <xdr:row>21</xdr:row>
                    <xdr:rowOff>161925</xdr:rowOff>
                  </from>
                  <to>
                    <xdr:col>27</xdr:col>
                    <xdr:colOff>161925</xdr:colOff>
                    <xdr:row>23</xdr:row>
                    <xdr:rowOff>3810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BBE183-2ACC-4E68-AA83-13221ACC57FC}">
  <sheetPr>
    <pageSetUpPr fitToPage="1"/>
  </sheetPr>
  <dimension ref="A1:X37"/>
  <sheetViews>
    <sheetView view="pageBreakPreview" zoomScaleNormal="100" zoomScaleSheetLayoutView="100" workbookViewId="0">
      <selection activeCell="A2" sqref="A2:AK76"/>
    </sheetView>
  </sheetViews>
  <sheetFormatPr defaultColWidth="8.75" defaultRowHeight="16.5"/>
  <cols>
    <col min="1" max="1" width="8.75" style="2"/>
    <col min="2" max="3" width="4.75" style="2" customWidth="1"/>
    <col min="4" max="4" width="7.25" style="2" customWidth="1"/>
    <col min="5" max="24" width="4.75" style="2" customWidth="1"/>
    <col min="25" max="16384" width="8.75" style="2"/>
  </cols>
  <sheetData>
    <row r="1" spans="1:24" ht="36" customHeight="1" thickBot="1">
      <c r="A1" s="594" t="s">
        <v>222</v>
      </c>
      <c r="B1" s="1046"/>
      <c r="C1" s="1046"/>
      <c r="D1" s="1046"/>
      <c r="E1" s="1046"/>
      <c r="F1" s="1046"/>
      <c r="G1" s="1046"/>
      <c r="H1" s="1046"/>
      <c r="I1" s="1046"/>
      <c r="J1" s="1046"/>
      <c r="K1" s="1046"/>
      <c r="L1" s="1046"/>
      <c r="M1" s="1046"/>
      <c r="N1" s="1046"/>
      <c r="O1" s="1046"/>
      <c r="P1" s="1046"/>
      <c r="Q1" s="1046"/>
      <c r="R1" s="1046"/>
      <c r="S1" s="1046"/>
      <c r="T1" s="1046"/>
      <c r="U1" s="1046"/>
      <c r="V1" s="1046"/>
      <c r="W1" s="1046"/>
      <c r="X1" s="1046"/>
    </row>
    <row r="2" spans="1:24" ht="15" customHeight="1">
      <c r="A2" s="3" t="s">
        <v>91</v>
      </c>
      <c r="B2" s="728" t="s">
        <v>2</v>
      </c>
      <c r="C2" s="729"/>
      <c r="D2" s="729"/>
      <c r="E2" s="730"/>
      <c r="F2" s="731"/>
      <c r="G2" s="731"/>
      <c r="H2" s="731"/>
      <c r="I2" s="731"/>
      <c r="J2" s="731"/>
      <c r="K2" s="731"/>
      <c r="L2" s="731"/>
      <c r="M2" s="731"/>
      <c r="N2" s="731"/>
      <c r="O2" s="731"/>
      <c r="P2" s="731"/>
      <c r="Q2" s="731"/>
      <c r="R2" s="731"/>
      <c r="S2" s="731"/>
      <c r="T2" s="731"/>
      <c r="U2" s="731"/>
      <c r="V2" s="731"/>
      <c r="W2" s="731"/>
      <c r="X2" s="732"/>
    </row>
    <row r="3" spans="1:24" ht="15" customHeight="1">
      <c r="A3" s="8"/>
      <c r="B3" s="570" t="s">
        <v>3</v>
      </c>
      <c r="C3" s="571"/>
      <c r="D3" s="572"/>
      <c r="E3" s="1220"/>
      <c r="F3" s="1221"/>
      <c r="G3" s="1221"/>
      <c r="H3" s="1221"/>
      <c r="I3" s="1221"/>
      <c r="J3" s="1221"/>
      <c r="K3" s="1221"/>
      <c r="L3" s="1221"/>
      <c r="M3" s="1221"/>
      <c r="N3" s="1221"/>
      <c r="O3" s="1221"/>
      <c r="P3" s="1221"/>
      <c r="Q3" s="1221"/>
      <c r="R3" s="1221"/>
      <c r="S3" s="1221"/>
      <c r="T3" s="1221"/>
      <c r="U3" s="1221"/>
      <c r="V3" s="1221"/>
      <c r="W3" s="1221"/>
      <c r="X3" s="1222"/>
    </row>
    <row r="4" spans="1:24" ht="30" customHeight="1">
      <c r="A4" s="8"/>
      <c r="B4" s="1101" t="s">
        <v>223</v>
      </c>
      <c r="C4" s="117"/>
      <c r="D4" s="1102"/>
      <c r="E4" s="1223"/>
      <c r="F4" s="465"/>
      <c r="G4" s="465"/>
      <c r="H4" s="465"/>
      <c r="I4" s="465"/>
      <c r="J4" s="465"/>
      <c r="K4" s="465"/>
      <c r="L4" s="465"/>
      <c r="M4" s="465"/>
      <c r="N4" s="465"/>
      <c r="O4" s="465"/>
      <c r="P4" s="465"/>
      <c r="Q4" s="465"/>
      <c r="R4" s="465"/>
      <c r="S4" s="465"/>
      <c r="T4" s="465"/>
      <c r="U4" s="465"/>
      <c r="V4" s="465"/>
      <c r="W4" s="465"/>
      <c r="X4" s="601"/>
    </row>
    <row r="5" spans="1:24" ht="15" customHeight="1">
      <c r="A5" s="8"/>
      <c r="B5" s="534" t="s">
        <v>5</v>
      </c>
      <c r="C5" s="21"/>
      <c r="D5" s="484"/>
      <c r="E5" s="534" t="s">
        <v>199</v>
      </c>
      <c r="F5" s="21"/>
      <c r="G5" s="21"/>
      <c r="H5" s="1061"/>
      <c r="I5" s="1061"/>
      <c r="J5" s="19" t="s">
        <v>224</v>
      </c>
      <c r="K5" s="1061"/>
      <c r="L5" s="1061"/>
      <c r="M5" s="20" t="s">
        <v>99</v>
      </c>
      <c r="N5" s="1224"/>
      <c r="O5" s="1224"/>
      <c r="P5" s="1224"/>
      <c r="Q5" s="1224"/>
      <c r="R5" s="1224"/>
      <c r="S5" s="1224"/>
      <c r="T5" s="1224"/>
      <c r="U5" s="1224"/>
      <c r="V5" s="1224"/>
      <c r="W5" s="1224"/>
      <c r="X5" s="1225"/>
    </row>
    <row r="6" spans="1:24" ht="15" customHeight="1">
      <c r="A6" s="8"/>
      <c r="B6" s="536"/>
      <c r="C6" s="121"/>
      <c r="D6" s="492"/>
      <c r="E6" s="1053"/>
      <c r="F6" s="276"/>
      <c r="G6" s="276"/>
      <c r="H6" s="276"/>
      <c r="I6" s="277" t="s">
        <v>64</v>
      </c>
      <c r="J6" s="278" t="s">
        <v>65</v>
      </c>
      <c r="K6" s="276"/>
      <c r="L6" s="276"/>
      <c r="M6" s="276"/>
      <c r="N6" s="276"/>
      <c r="O6" s="276"/>
      <c r="P6" s="276"/>
      <c r="Q6" s="277" t="s">
        <v>66</v>
      </c>
      <c r="R6" s="278" t="s">
        <v>67</v>
      </c>
      <c r="S6" s="1054"/>
      <c r="T6" s="1054"/>
      <c r="U6" s="1054"/>
      <c r="V6" s="1054"/>
      <c r="W6" s="1054"/>
      <c r="X6" s="1055"/>
    </row>
    <row r="7" spans="1:24" ht="15" customHeight="1">
      <c r="A7" s="8"/>
      <c r="B7" s="536"/>
      <c r="C7" s="121"/>
      <c r="D7" s="492"/>
      <c r="E7" s="1053"/>
      <c r="F7" s="276"/>
      <c r="G7" s="276"/>
      <c r="H7" s="276"/>
      <c r="I7" s="277" t="s">
        <v>68</v>
      </c>
      <c r="J7" s="278" t="s">
        <v>69</v>
      </c>
      <c r="K7" s="276"/>
      <c r="L7" s="276"/>
      <c r="M7" s="276"/>
      <c r="N7" s="276"/>
      <c r="O7" s="276"/>
      <c r="P7" s="276"/>
      <c r="Q7" s="277" t="s">
        <v>70</v>
      </c>
      <c r="R7" s="278" t="s">
        <v>71</v>
      </c>
      <c r="S7" s="1054"/>
      <c r="T7" s="1054"/>
      <c r="U7" s="1054"/>
      <c r="V7" s="1054"/>
      <c r="W7" s="1054"/>
      <c r="X7" s="1055"/>
    </row>
    <row r="8" spans="1:24" ht="18.95" customHeight="1">
      <c r="A8" s="8"/>
      <c r="B8" s="548"/>
      <c r="C8" s="549"/>
      <c r="D8" s="569"/>
      <c r="E8" s="1056"/>
      <c r="F8" s="27"/>
      <c r="G8" s="27"/>
      <c r="H8" s="27"/>
      <c r="I8" s="27"/>
      <c r="J8" s="27"/>
      <c r="K8" s="27"/>
      <c r="L8" s="27"/>
      <c r="M8" s="27"/>
      <c r="N8" s="27"/>
      <c r="O8" s="27"/>
      <c r="P8" s="27"/>
      <c r="Q8" s="27"/>
      <c r="R8" s="27"/>
      <c r="S8" s="27"/>
      <c r="T8" s="27"/>
      <c r="U8" s="27"/>
      <c r="V8" s="27"/>
      <c r="W8" s="27"/>
      <c r="X8" s="28"/>
    </row>
    <row r="9" spans="1:24" ht="15" customHeight="1">
      <c r="A9" s="8"/>
      <c r="B9" s="32" t="s">
        <v>13</v>
      </c>
      <c r="C9" s="30"/>
      <c r="D9" s="30"/>
      <c r="E9" s="31" t="s">
        <v>72</v>
      </c>
      <c r="F9" s="32"/>
      <c r="G9" s="33"/>
      <c r="H9" s="34"/>
      <c r="I9" s="34"/>
      <c r="J9" s="34"/>
      <c r="K9" s="34"/>
      <c r="L9" s="1226" t="s">
        <v>15</v>
      </c>
      <c r="M9" s="1226"/>
      <c r="N9" s="474"/>
      <c r="O9" s="474"/>
      <c r="P9" s="561" t="s">
        <v>200</v>
      </c>
      <c r="Q9" s="475"/>
      <c r="R9" s="1121"/>
      <c r="S9" s="1121"/>
      <c r="T9" s="1121"/>
      <c r="U9" s="1121"/>
      <c r="V9" s="1121"/>
      <c r="W9" s="1121"/>
      <c r="X9" s="1122"/>
    </row>
    <row r="10" spans="1:24" ht="15" customHeight="1">
      <c r="A10" s="39"/>
      <c r="B10" s="32"/>
      <c r="C10" s="30"/>
      <c r="D10" s="30"/>
      <c r="E10" s="31" t="s">
        <v>17</v>
      </c>
      <c r="F10" s="32"/>
      <c r="G10" s="33"/>
      <c r="H10" s="34"/>
      <c r="I10" s="34"/>
      <c r="J10" s="34"/>
      <c r="K10" s="34"/>
      <c r="L10" s="34"/>
      <c r="M10" s="34"/>
      <c r="N10" s="34"/>
      <c r="O10" s="34"/>
      <c r="P10" s="34"/>
      <c r="Q10" s="34"/>
      <c r="R10" s="34"/>
      <c r="S10" s="34"/>
      <c r="T10" s="34"/>
      <c r="U10" s="34"/>
      <c r="V10" s="34"/>
      <c r="W10" s="34"/>
      <c r="X10" s="38"/>
    </row>
    <row r="11" spans="1:24" ht="15" customHeight="1">
      <c r="A11" s="491" t="s">
        <v>18</v>
      </c>
      <c r="B11" s="116" t="s">
        <v>3</v>
      </c>
      <c r="C11" s="117"/>
      <c r="D11" s="117"/>
      <c r="E11" s="10"/>
      <c r="F11" s="11"/>
      <c r="G11" s="11"/>
      <c r="H11" s="11"/>
      <c r="I11" s="11"/>
      <c r="J11" s="11"/>
      <c r="K11" s="11"/>
      <c r="L11" s="1227"/>
      <c r="M11" s="536" t="s">
        <v>19</v>
      </c>
      <c r="N11" s="492"/>
      <c r="O11" s="565" t="s">
        <v>199</v>
      </c>
      <c r="P11" s="608"/>
      <c r="Q11" s="608"/>
      <c r="R11" s="1228"/>
      <c r="S11" s="1228"/>
      <c r="T11" s="19" t="s">
        <v>224</v>
      </c>
      <c r="U11" s="1228"/>
      <c r="V11" s="1228"/>
      <c r="W11" s="20" t="s">
        <v>99</v>
      </c>
      <c r="X11" s="1229"/>
    </row>
    <row r="12" spans="1:24" ht="15" customHeight="1">
      <c r="A12" s="491"/>
      <c r="B12" s="1060" t="s">
        <v>76</v>
      </c>
      <c r="C12" s="1060"/>
      <c r="D12" s="1060"/>
      <c r="E12" s="1047"/>
      <c r="F12" s="559"/>
      <c r="G12" s="559"/>
      <c r="H12" s="559"/>
      <c r="I12" s="559"/>
      <c r="J12" s="559"/>
      <c r="K12" s="559"/>
      <c r="L12" s="560"/>
      <c r="M12" s="536"/>
      <c r="N12" s="492"/>
      <c r="O12" s="1056" t="s">
        <v>143</v>
      </c>
      <c r="P12" s="27"/>
      <c r="Q12" s="27"/>
      <c r="R12" s="27"/>
      <c r="S12" s="27"/>
      <c r="T12" s="27"/>
      <c r="U12" s="27"/>
      <c r="V12" s="27"/>
      <c r="W12" s="27"/>
      <c r="X12" s="28"/>
    </row>
    <row r="13" spans="1:24" ht="15" customHeight="1">
      <c r="A13" s="491"/>
      <c r="B13" s="118" t="s">
        <v>23</v>
      </c>
      <c r="C13" s="21"/>
      <c r="D13" s="21"/>
      <c r="E13" s="1230"/>
      <c r="F13" s="1231"/>
      <c r="G13" s="1231"/>
      <c r="H13" s="1231"/>
      <c r="I13" s="1231"/>
      <c r="J13" s="1231"/>
      <c r="K13" s="1231"/>
      <c r="L13" s="1232"/>
      <c r="M13" s="548"/>
      <c r="N13" s="569"/>
      <c r="O13" s="1067"/>
      <c r="P13" s="462"/>
      <c r="Q13" s="462"/>
      <c r="R13" s="462"/>
      <c r="S13" s="462"/>
      <c r="T13" s="462"/>
      <c r="U13" s="462"/>
      <c r="V13" s="462"/>
      <c r="W13" s="462"/>
      <c r="X13" s="497"/>
    </row>
    <row r="14" spans="1:24" ht="27" customHeight="1">
      <c r="A14" s="504"/>
      <c r="B14" s="1233" t="s">
        <v>225</v>
      </c>
      <c r="C14" s="1234"/>
      <c r="D14" s="1234"/>
      <c r="E14" s="1234"/>
      <c r="F14" s="1234"/>
      <c r="G14" s="1235"/>
      <c r="H14" s="1236"/>
      <c r="I14" s="1111"/>
      <c r="J14" s="1111"/>
      <c r="K14" s="1111"/>
      <c r="L14" s="1111"/>
      <c r="M14" s="1111"/>
      <c r="N14" s="1111"/>
      <c r="O14" s="1111"/>
      <c r="P14" s="1111"/>
      <c r="Q14" s="1111"/>
      <c r="R14" s="1111"/>
      <c r="S14" s="1111"/>
      <c r="T14" s="1111"/>
      <c r="U14" s="1111"/>
      <c r="V14" s="1111"/>
      <c r="W14" s="1111"/>
      <c r="X14" s="1237"/>
    </row>
    <row r="15" spans="1:24" ht="48" customHeight="1">
      <c r="A15" s="504"/>
      <c r="B15" s="1068" t="s">
        <v>226</v>
      </c>
      <c r="C15" s="1008"/>
      <c r="D15" s="1008"/>
      <c r="E15" s="57" t="s">
        <v>103</v>
      </c>
      <c r="F15" s="58"/>
      <c r="G15" s="59"/>
      <c r="H15" s="1238"/>
      <c r="I15" s="1239"/>
      <c r="J15" s="1239"/>
      <c r="K15" s="1239"/>
      <c r="L15" s="1239"/>
      <c r="M15" s="1239"/>
      <c r="N15" s="1239"/>
      <c r="O15" s="1239"/>
      <c r="P15" s="1239"/>
      <c r="Q15" s="1239"/>
      <c r="R15" s="1239"/>
      <c r="S15" s="1240"/>
      <c r="T15" s="1241" t="s">
        <v>104</v>
      </c>
      <c r="U15" s="1241"/>
      <c r="V15" s="1242"/>
      <c r="W15" s="1243"/>
      <c r="X15" s="1244"/>
    </row>
    <row r="16" spans="1:24" ht="22.5" customHeight="1">
      <c r="A16" s="504"/>
      <c r="B16" s="107"/>
      <c r="C16" s="90"/>
      <c r="D16" s="90"/>
      <c r="E16" s="1245" t="s">
        <v>27</v>
      </c>
      <c r="F16" s="1246"/>
      <c r="G16" s="1247"/>
      <c r="H16" s="1248"/>
      <c r="I16" s="1249"/>
      <c r="J16" s="1249"/>
      <c r="K16" s="1249"/>
      <c r="L16" s="1249"/>
      <c r="M16" s="1249"/>
      <c r="N16" s="1249"/>
      <c r="O16" s="1249"/>
      <c r="P16" s="1249"/>
      <c r="Q16" s="1249"/>
      <c r="R16" s="1249"/>
      <c r="S16" s="1249"/>
      <c r="T16" s="1249"/>
      <c r="U16" s="1249"/>
      <c r="V16" s="1249"/>
      <c r="W16" s="1249"/>
      <c r="X16" s="1250"/>
    </row>
    <row r="17" spans="1:24" ht="24.75" customHeight="1">
      <c r="A17" s="504"/>
      <c r="B17" s="109"/>
      <c r="C17" s="47"/>
      <c r="D17" s="47"/>
      <c r="E17" s="1245"/>
      <c r="F17" s="1246"/>
      <c r="G17" s="1247"/>
      <c r="H17" s="1251"/>
      <c r="I17" s="1252"/>
      <c r="J17" s="1252"/>
      <c r="K17" s="1252"/>
      <c r="L17" s="1252"/>
      <c r="M17" s="1252"/>
      <c r="N17" s="1252"/>
      <c r="O17" s="1252"/>
      <c r="P17" s="1252"/>
      <c r="Q17" s="1252"/>
      <c r="R17" s="1252"/>
      <c r="S17" s="1252"/>
      <c r="T17" s="1252"/>
      <c r="U17" s="1252"/>
      <c r="V17" s="1252"/>
      <c r="W17" s="1252"/>
      <c r="X17" s="1253"/>
    </row>
    <row r="18" spans="1:24" ht="25.35" customHeight="1">
      <c r="A18" s="1120" t="s">
        <v>227</v>
      </c>
      <c r="B18" s="820"/>
      <c r="C18" s="820"/>
      <c r="D18" s="32"/>
      <c r="E18" s="1254"/>
      <c r="F18" s="1130"/>
      <c r="G18" s="1130"/>
      <c r="H18" s="1130"/>
      <c r="I18" s="30" t="s">
        <v>228</v>
      </c>
      <c r="J18" s="30"/>
      <c r="K18" s="30"/>
      <c r="L18" s="30"/>
      <c r="M18" s="1255"/>
      <c r="N18" s="1256"/>
      <c r="O18" s="1256"/>
      <c r="P18" s="1256"/>
      <c r="Q18" s="1256"/>
      <c r="R18" s="1256"/>
      <c r="S18" s="1257"/>
      <c r="T18" s="1258" t="s">
        <v>104</v>
      </c>
      <c r="U18" s="1258"/>
      <c r="V18" s="1259"/>
      <c r="W18" s="1260"/>
      <c r="X18" s="1261"/>
    </row>
    <row r="19" spans="1:24" ht="24" customHeight="1">
      <c r="A19" s="1262" t="s">
        <v>229</v>
      </c>
      <c r="B19" s="468" t="s">
        <v>204</v>
      </c>
      <c r="C19" s="121"/>
      <c r="D19" s="121"/>
      <c r="E19" s="1263"/>
      <c r="F19" s="1264"/>
      <c r="G19" s="1264"/>
      <c r="H19" s="1264"/>
      <c r="I19" s="1264"/>
      <c r="J19" s="1264"/>
      <c r="K19" s="1264"/>
      <c r="L19" s="1265"/>
      <c r="M19" s="31" t="s">
        <v>230</v>
      </c>
      <c r="N19" s="820"/>
      <c r="O19" s="32"/>
      <c r="P19" s="1047"/>
      <c r="Q19" s="559"/>
      <c r="R19" s="559"/>
      <c r="S19" s="559"/>
      <c r="T19" s="559"/>
      <c r="U19" s="559"/>
      <c r="V19" s="559"/>
      <c r="W19" s="559"/>
      <c r="X19" s="1048"/>
    </row>
    <row r="20" spans="1:24" ht="22.35" customHeight="1">
      <c r="A20" s="1266"/>
      <c r="B20" s="116" t="s">
        <v>204</v>
      </c>
      <c r="C20" s="117"/>
      <c r="D20" s="117"/>
      <c r="E20" s="1263"/>
      <c r="F20" s="1264"/>
      <c r="G20" s="1264"/>
      <c r="H20" s="1264"/>
      <c r="I20" s="1264"/>
      <c r="J20" s="1264"/>
      <c r="K20" s="1264"/>
      <c r="L20" s="1265"/>
      <c r="M20" s="31" t="s">
        <v>230</v>
      </c>
      <c r="N20" s="820"/>
      <c r="O20" s="32"/>
      <c r="P20" s="1047"/>
      <c r="Q20" s="559"/>
      <c r="R20" s="559"/>
      <c r="S20" s="559"/>
      <c r="T20" s="559"/>
      <c r="U20" s="559"/>
      <c r="V20" s="559"/>
      <c r="W20" s="559"/>
      <c r="X20" s="1048"/>
    </row>
    <row r="21" spans="1:24" ht="15" customHeight="1">
      <c r="A21" s="524" t="s">
        <v>32</v>
      </c>
      <c r="B21" s="525"/>
      <c r="C21" s="525"/>
      <c r="D21" s="525"/>
      <c r="E21" s="525"/>
      <c r="F21" s="525"/>
      <c r="G21" s="525"/>
      <c r="H21" s="525"/>
      <c r="I21" s="1267"/>
      <c r="J21" s="1267"/>
      <c r="K21" s="1267"/>
      <c r="L21" s="1267"/>
      <c r="M21" s="1267"/>
      <c r="N21" s="1267"/>
      <c r="O21" s="1267"/>
      <c r="P21" s="1267"/>
      <c r="Q21" s="1267"/>
      <c r="R21" s="1267"/>
      <c r="S21" s="1267"/>
      <c r="T21" s="1267"/>
      <c r="U21" s="1267"/>
      <c r="V21" s="525"/>
      <c r="W21" s="525"/>
      <c r="X21" s="526"/>
    </row>
    <row r="22" spans="1:24" ht="15" customHeight="1">
      <c r="A22" s="1120" t="s">
        <v>231</v>
      </c>
      <c r="B22" s="820"/>
      <c r="C22" s="820"/>
      <c r="D22" s="32"/>
      <c r="E22" s="571"/>
      <c r="F22" s="571"/>
      <c r="G22" s="571"/>
      <c r="H22" s="1268" t="s">
        <v>232</v>
      </c>
      <c r="I22" s="570" t="s">
        <v>233</v>
      </c>
      <c r="J22" s="571"/>
      <c r="K22" s="571"/>
      <c r="L22" s="572"/>
      <c r="M22" s="570" t="s">
        <v>234</v>
      </c>
      <c r="N22" s="571"/>
      <c r="O22" s="571"/>
      <c r="P22" s="572"/>
      <c r="Q22" s="570" t="s">
        <v>235</v>
      </c>
      <c r="R22" s="571"/>
      <c r="S22" s="571"/>
      <c r="T22" s="572"/>
      <c r="U22" s="1269"/>
      <c r="V22" s="1269"/>
      <c r="W22" s="1269"/>
      <c r="X22" s="1270"/>
    </row>
    <row r="23" spans="1:24" ht="15" customHeight="1">
      <c r="A23" s="120" t="s">
        <v>236</v>
      </c>
      <c r="B23" s="121"/>
      <c r="C23" s="121"/>
      <c r="D23" s="121"/>
      <c r="E23" s="21"/>
      <c r="F23" s="21"/>
      <c r="G23" s="21"/>
      <c r="H23" s="21"/>
      <c r="I23" s="1066" t="s">
        <v>237</v>
      </c>
      <c r="J23" s="460"/>
      <c r="K23" s="460"/>
      <c r="L23" s="496"/>
      <c r="M23" s="1066" t="s">
        <v>237</v>
      </c>
      <c r="N23" s="460"/>
      <c r="O23" s="460"/>
      <c r="P23" s="496"/>
      <c r="Q23" s="1066" t="s">
        <v>237</v>
      </c>
      <c r="R23" s="460"/>
      <c r="S23" s="460"/>
      <c r="T23" s="496"/>
      <c r="U23" s="608" t="s">
        <v>191</v>
      </c>
      <c r="V23" s="608"/>
      <c r="W23" s="608"/>
      <c r="X23" s="1271"/>
    </row>
    <row r="24" spans="1:24" ht="15" customHeight="1">
      <c r="A24" s="120"/>
      <c r="B24" s="121"/>
      <c r="C24" s="121"/>
      <c r="D24" s="121"/>
      <c r="E24" s="121"/>
      <c r="F24" s="121"/>
      <c r="G24" s="121"/>
      <c r="H24" s="121"/>
      <c r="I24" s="1101" t="s">
        <v>44</v>
      </c>
      <c r="J24" s="117"/>
      <c r="K24" s="116" t="s">
        <v>43</v>
      </c>
      <c r="L24" s="1102"/>
      <c r="M24" s="1101" t="s">
        <v>44</v>
      </c>
      <c r="N24" s="117"/>
      <c r="O24" s="116" t="s">
        <v>43</v>
      </c>
      <c r="P24" s="1102"/>
      <c r="Q24" s="1101" t="s">
        <v>44</v>
      </c>
      <c r="R24" s="117"/>
      <c r="S24" s="116" t="s">
        <v>43</v>
      </c>
      <c r="T24" s="1102"/>
      <c r="U24" s="117" t="s">
        <v>44</v>
      </c>
      <c r="V24" s="117"/>
      <c r="W24" s="31" t="s">
        <v>43</v>
      </c>
      <c r="X24" s="1147"/>
    </row>
    <row r="25" spans="1:24" ht="15" customHeight="1">
      <c r="A25" s="1272"/>
      <c r="B25" s="116" t="s">
        <v>45</v>
      </c>
      <c r="C25" s="117"/>
      <c r="D25" s="117"/>
      <c r="E25" s="117"/>
      <c r="F25" s="117"/>
      <c r="G25" s="117"/>
      <c r="H25" s="117"/>
      <c r="I25" s="1101"/>
      <c r="J25" s="117"/>
      <c r="K25" s="116"/>
      <c r="L25" s="1102"/>
      <c r="M25" s="1101"/>
      <c r="N25" s="117"/>
      <c r="O25" s="116"/>
      <c r="P25" s="1102"/>
      <c r="Q25" s="1101"/>
      <c r="R25" s="117"/>
      <c r="S25" s="116"/>
      <c r="T25" s="1102"/>
      <c r="U25" s="117"/>
      <c r="V25" s="117"/>
      <c r="W25" s="31"/>
      <c r="X25" s="1147"/>
    </row>
    <row r="26" spans="1:24" ht="15" customHeight="1">
      <c r="A26" s="1272"/>
      <c r="B26" s="118" t="s">
        <v>118</v>
      </c>
      <c r="C26" s="21"/>
      <c r="D26" s="21"/>
      <c r="E26" s="21"/>
      <c r="F26" s="21"/>
      <c r="G26" s="21"/>
      <c r="H26" s="21"/>
      <c r="I26" s="534"/>
      <c r="J26" s="21"/>
      <c r="K26" s="118"/>
      <c r="L26" s="484"/>
      <c r="M26" s="534"/>
      <c r="N26" s="21"/>
      <c r="O26" s="118"/>
      <c r="P26" s="484"/>
      <c r="Q26" s="534"/>
      <c r="R26" s="21"/>
      <c r="S26" s="118"/>
      <c r="T26" s="484"/>
      <c r="U26" s="117"/>
      <c r="V26" s="117"/>
      <c r="W26" s="31"/>
      <c r="X26" s="1147"/>
    </row>
    <row r="27" spans="1:24" ht="15" customHeight="1">
      <c r="A27" s="1273"/>
      <c r="B27" s="31" t="s">
        <v>47</v>
      </c>
      <c r="C27" s="820"/>
      <c r="D27" s="820"/>
      <c r="E27" s="820"/>
      <c r="F27" s="820"/>
      <c r="G27" s="820"/>
      <c r="H27" s="820"/>
      <c r="I27" s="31"/>
      <c r="J27" s="820"/>
      <c r="K27" s="820"/>
      <c r="L27" s="32"/>
      <c r="M27" s="31"/>
      <c r="N27" s="820"/>
      <c r="O27" s="820"/>
      <c r="P27" s="32"/>
      <c r="Q27" s="31"/>
      <c r="R27" s="820"/>
      <c r="S27" s="820"/>
      <c r="T27" s="32"/>
      <c r="U27" s="1274"/>
      <c r="V27" s="1274"/>
      <c r="W27" s="1274"/>
      <c r="X27" s="1275"/>
    </row>
    <row r="28" spans="1:24" ht="15" customHeight="1">
      <c r="A28" s="1276" t="s">
        <v>238</v>
      </c>
      <c r="B28" s="1277"/>
      <c r="C28" s="1277"/>
      <c r="D28" s="1277"/>
      <c r="E28" s="1278" t="s">
        <v>239</v>
      </c>
      <c r="F28" s="1278"/>
      <c r="G28" s="1279"/>
      <c r="H28" s="1280" t="s">
        <v>178</v>
      </c>
      <c r="I28" s="548"/>
      <c r="J28" s="549"/>
      <c r="K28" s="549"/>
      <c r="L28" s="1281" t="s">
        <v>178</v>
      </c>
      <c r="M28" s="548"/>
      <c r="N28" s="549"/>
      <c r="O28" s="549"/>
      <c r="P28" s="1281" t="s">
        <v>178</v>
      </c>
      <c r="Q28" s="548"/>
      <c r="R28" s="549"/>
      <c r="S28" s="549"/>
      <c r="T28" s="1281" t="s">
        <v>178</v>
      </c>
      <c r="U28" s="1103"/>
      <c r="V28" s="1103"/>
      <c r="W28" s="1103"/>
      <c r="X28" s="63"/>
    </row>
    <row r="29" spans="1:24" ht="15" customHeight="1">
      <c r="A29" s="1282" t="s">
        <v>240</v>
      </c>
      <c r="B29" s="1283"/>
      <c r="C29" s="1283"/>
      <c r="D29" s="1283"/>
      <c r="E29" s="1283"/>
      <c r="F29" s="1283"/>
      <c r="G29" s="1283"/>
      <c r="H29" s="1283"/>
      <c r="I29" s="1112"/>
      <c r="J29" s="1113"/>
      <c r="K29" s="1113"/>
      <c r="L29" s="1284" t="s">
        <v>178</v>
      </c>
      <c r="M29" s="1112"/>
      <c r="N29" s="1113"/>
      <c r="O29" s="1113"/>
      <c r="P29" s="1284" t="s">
        <v>178</v>
      </c>
      <c r="Q29" s="1112"/>
      <c r="R29" s="1113"/>
      <c r="S29" s="1113"/>
      <c r="T29" s="1284" t="s">
        <v>178</v>
      </c>
      <c r="U29" s="70"/>
      <c r="V29" s="70"/>
      <c r="W29" s="70"/>
      <c r="X29" s="71"/>
    </row>
    <row r="30" spans="1:24" ht="15" customHeight="1">
      <c r="A30" s="1285" t="s">
        <v>166</v>
      </c>
      <c r="B30" s="27"/>
      <c r="C30" s="27"/>
      <c r="D30" s="27"/>
      <c r="E30" s="27"/>
      <c r="F30" s="27"/>
      <c r="G30" s="27"/>
      <c r="H30" s="1118"/>
      <c r="I30" s="1118"/>
      <c r="J30" s="1118"/>
      <c r="K30" s="1118"/>
      <c r="L30" s="1118"/>
      <c r="M30" s="1118"/>
      <c r="N30" s="1118"/>
      <c r="O30" s="1118"/>
      <c r="P30" s="1118"/>
      <c r="Q30" s="1118"/>
      <c r="R30" s="1118"/>
      <c r="S30" s="1118"/>
      <c r="T30" s="1118"/>
      <c r="U30" s="1118"/>
      <c r="V30" s="1118"/>
      <c r="W30" s="1118"/>
      <c r="X30" s="1286"/>
    </row>
    <row r="31" spans="1:24" ht="15" customHeight="1">
      <c r="A31" s="1287" t="s">
        <v>216</v>
      </c>
      <c r="B31" s="117"/>
      <c r="C31" s="117"/>
      <c r="D31" s="117"/>
      <c r="E31" s="1102"/>
      <c r="F31" s="117"/>
      <c r="G31" s="117"/>
      <c r="H31" s="117"/>
      <c r="I31" s="117"/>
      <c r="J31" s="117"/>
      <c r="K31" s="117"/>
      <c r="L31" s="117"/>
      <c r="M31" s="117"/>
      <c r="N31" s="117"/>
      <c r="O31" s="117"/>
      <c r="P31" s="117"/>
      <c r="Q31" s="117"/>
      <c r="R31" s="117"/>
      <c r="S31" s="117"/>
      <c r="T31" s="117"/>
      <c r="U31" s="117"/>
      <c r="V31" s="117"/>
      <c r="W31" s="117"/>
      <c r="X31" s="535"/>
    </row>
    <row r="32" spans="1:24" ht="15" customHeight="1" thickBot="1">
      <c r="A32" s="143" t="s">
        <v>48</v>
      </c>
      <c r="B32" s="144"/>
      <c r="C32" s="144"/>
      <c r="D32" s="144"/>
      <c r="E32" s="1288"/>
      <c r="F32" s="1289" t="s">
        <v>142</v>
      </c>
      <c r="G32" s="146"/>
      <c r="H32" s="146"/>
      <c r="I32" s="146"/>
      <c r="J32" s="146"/>
      <c r="K32" s="146"/>
      <c r="L32" s="146"/>
      <c r="M32" s="146"/>
      <c r="N32" s="146"/>
      <c r="O32" s="146"/>
      <c r="P32" s="146"/>
      <c r="Q32" s="146"/>
      <c r="R32" s="146"/>
      <c r="S32" s="146"/>
      <c r="T32" s="146"/>
      <c r="U32" s="146"/>
      <c r="V32" s="146"/>
      <c r="W32" s="146"/>
      <c r="X32" s="147"/>
    </row>
    <row r="33" spans="1:24" ht="14.45" customHeight="1">
      <c r="A33" s="386"/>
      <c r="B33" s="386"/>
      <c r="C33" s="386"/>
      <c r="D33" s="386"/>
      <c r="E33" s="386"/>
      <c r="F33" s="386"/>
      <c r="G33" s="386"/>
      <c r="H33" s="386"/>
      <c r="I33" s="386"/>
      <c r="J33" s="386"/>
      <c r="K33" s="386"/>
      <c r="L33" s="386"/>
      <c r="M33" s="386"/>
      <c r="N33" s="386"/>
      <c r="O33" s="386"/>
      <c r="P33" s="386"/>
      <c r="Q33" s="386"/>
      <c r="R33" s="386"/>
      <c r="S33" s="386"/>
      <c r="T33" s="386"/>
      <c r="U33" s="386" t="s">
        <v>143</v>
      </c>
      <c r="V33" s="386"/>
      <c r="W33" s="386"/>
      <c r="X33" s="386"/>
    </row>
    <row r="34" spans="1:24" ht="14.45" customHeight="1">
      <c r="A34" s="1290" t="s">
        <v>52</v>
      </c>
      <c r="B34" s="387" t="s">
        <v>241</v>
      </c>
      <c r="C34" s="387"/>
      <c r="D34" s="387"/>
      <c r="E34" s="387"/>
      <c r="F34" s="387"/>
      <c r="G34" s="387"/>
      <c r="H34" s="387"/>
      <c r="I34" s="387"/>
      <c r="J34" s="387"/>
      <c r="K34" s="387"/>
      <c r="L34" s="387"/>
      <c r="M34" s="387"/>
      <c r="N34" s="387"/>
      <c r="O34" s="387"/>
      <c r="P34" s="387"/>
      <c r="Q34" s="387"/>
      <c r="R34" s="387"/>
      <c r="S34" s="387"/>
      <c r="T34" s="387"/>
      <c r="U34" s="387"/>
      <c r="V34" s="387"/>
      <c r="W34" s="387"/>
      <c r="X34" s="387"/>
    </row>
    <row r="35" spans="1:24" ht="14.45" customHeight="1">
      <c r="A35" s="1290"/>
      <c r="B35" s="387"/>
      <c r="C35" s="387"/>
      <c r="D35" s="387"/>
      <c r="E35" s="387"/>
      <c r="F35" s="387"/>
      <c r="G35" s="387"/>
      <c r="H35" s="387"/>
      <c r="I35" s="387"/>
      <c r="J35" s="387"/>
      <c r="K35" s="387"/>
      <c r="L35" s="387"/>
      <c r="M35" s="387"/>
      <c r="N35" s="387"/>
      <c r="O35" s="387"/>
      <c r="P35" s="387"/>
      <c r="Q35" s="387"/>
      <c r="R35" s="387"/>
      <c r="S35" s="387"/>
      <c r="T35" s="387"/>
      <c r="U35" s="387"/>
      <c r="V35" s="387"/>
      <c r="W35" s="387"/>
      <c r="X35" s="387"/>
    </row>
    <row r="36" spans="1:24" ht="14.45" customHeight="1">
      <c r="A36" s="1290"/>
      <c r="B36" s="387"/>
      <c r="C36" s="387"/>
      <c r="D36" s="387"/>
      <c r="E36" s="387"/>
      <c r="F36" s="387"/>
      <c r="G36" s="387"/>
      <c r="H36" s="387"/>
      <c r="I36" s="387"/>
      <c r="J36" s="387"/>
      <c r="K36" s="387"/>
      <c r="L36" s="387"/>
      <c r="M36" s="387"/>
      <c r="N36" s="387"/>
      <c r="O36" s="387"/>
      <c r="P36" s="387"/>
      <c r="Q36" s="387"/>
      <c r="R36" s="387"/>
      <c r="S36" s="387"/>
      <c r="T36" s="387"/>
      <c r="U36" s="387"/>
      <c r="V36" s="387"/>
      <c r="W36" s="387"/>
      <c r="X36" s="387"/>
    </row>
    <row r="37" spans="1:24" ht="12" customHeight="1">
      <c r="A37" s="1290"/>
      <c r="B37" s="387"/>
      <c r="C37" s="387"/>
      <c r="D37" s="387"/>
      <c r="E37" s="387"/>
      <c r="F37" s="387"/>
      <c r="G37" s="387"/>
      <c r="H37" s="387"/>
      <c r="I37" s="387"/>
      <c r="J37" s="387"/>
      <c r="K37" s="387"/>
      <c r="L37" s="387"/>
      <c r="M37" s="387"/>
      <c r="N37" s="387"/>
      <c r="O37" s="387"/>
      <c r="P37" s="387"/>
      <c r="Q37" s="387"/>
      <c r="R37" s="387"/>
      <c r="S37" s="387"/>
      <c r="T37" s="387"/>
      <c r="U37" s="387"/>
      <c r="V37" s="387"/>
      <c r="W37" s="387"/>
      <c r="X37" s="387"/>
    </row>
  </sheetData>
  <mergeCells count="119">
    <mergeCell ref="A30:X30"/>
    <mergeCell ref="A31:E31"/>
    <mergeCell ref="F31:X31"/>
    <mergeCell ref="A32:E32"/>
    <mergeCell ref="F32:X32"/>
    <mergeCell ref="B34:X37"/>
    <mergeCell ref="A28:D28"/>
    <mergeCell ref="E28:G28"/>
    <mergeCell ref="I28:K28"/>
    <mergeCell ref="M28:O28"/>
    <mergeCell ref="Q28:S28"/>
    <mergeCell ref="U28:X29"/>
    <mergeCell ref="A29:H29"/>
    <mergeCell ref="I29:K29"/>
    <mergeCell ref="M29:O29"/>
    <mergeCell ref="Q29:S29"/>
    <mergeCell ref="W26:X26"/>
    <mergeCell ref="B27:H27"/>
    <mergeCell ref="I27:L27"/>
    <mergeCell ref="M27:P27"/>
    <mergeCell ref="Q27:T27"/>
    <mergeCell ref="U27:X27"/>
    <mergeCell ref="U25:V25"/>
    <mergeCell ref="W25:X25"/>
    <mergeCell ref="B26:H26"/>
    <mergeCell ref="I26:J26"/>
    <mergeCell ref="K26:L26"/>
    <mergeCell ref="M26:N26"/>
    <mergeCell ref="O26:P26"/>
    <mergeCell ref="Q26:R26"/>
    <mergeCell ref="S26:T26"/>
    <mergeCell ref="U26:V26"/>
    <mergeCell ref="S24:T24"/>
    <mergeCell ref="U24:V24"/>
    <mergeCell ref="W24:X24"/>
    <mergeCell ref="B25:H25"/>
    <mergeCell ref="I25:J25"/>
    <mergeCell ref="K25:L25"/>
    <mergeCell ref="M25:N25"/>
    <mergeCell ref="O25:P25"/>
    <mergeCell ref="Q25:R25"/>
    <mergeCell ref="S25:T25"/>
    <mergeCell ref="A23:H24"/>
    <mergeCell ref="I23:L23"/>
    <mergeCell ref="M23:P23"/>
    <mergeCell ref="Q23:T23"/>
    <mergeCell ref="U23:X23"/>
    <mergeCell ref="I24:J24"/>
    <mergeCell ref="K24:L24"/>
    <mergeCell ref="M24:N24"/>
    <mergeCell ref="O24:P24"/>
    <mergeCell ref="Q24:R24"/>
    <mergeCell ref="B20:D20"/>
    <mergeCell ref="E20:L20"/>
    <mergeCell ref="M20:O20"/>
    <mergeCell ref="P20:X20"/>
    <mergeCell ref="A21:X21"/>
    <mergeCell ref="A22:D22"/>
    <mergeCell ref="E22:G22"/>
    <mergeCell ref="I22:L22"/>
    <mergeCell ref="M22:P22"/>
    <mergeCell ref="Q22:T22"/>
    <mergeCell ref="A18:D18"/>
    <mergeCell ref="I18:L18"/>
    <mergeCell ref="M18:S18"/>
    <mergeCell ref="T18:U18"/>
    <mergeCell ref="V18:X18"/>
    <mergeCell ref="A19:A20"/>
    <mergeCell ref="B19:D19"/>
    <mergeCell ref="E19:L19"/>
    <mergeCell ref="M19:O19"/>
    <mergeCell ref="P19:X19"/>
    <mergeCell ref="H15:S15"/>
    <mergeCell ref="T15:U15"/>
    <mergeCell ref="V15:X15"/>
    <mergeCell ref="E16:G17"/>
    <mergeCell ref="H16:X16"/>
    <mergeCell ref="H17:X17"/>
    <mergeCell ref="U11:V11"/>
    <mergeCell ref="B12:D12"/>
    <mergeCell ref="E12:L12"/>
    <mergeCell ref="O12:X13"/>
    <mergeCell ref="B13:D13"/>
    <mergeCell ref="E13:L13"/>
    <mergeCell ref="A11:A17"/>
    <mergeCell ref="B11:D11"/>
    <mergeCell ref="E11:L11"/>
    <mergeCell ref="M11:N13"/>
    <mergeCell ref="O11:Q11"/>
    <mergeCell ref="R11:S11"/>
    <mergeCell ref="B14:G14"/>
    <mergeCell ref="H14:X14"/>
    <mergeCell ref="B15:D17"/>
    <mergeCell ref="E15:G15"/>
    <mergeCell ref="E8:X8"/>
    <mergeCell ref="B9:D10"/>
    <mergeCell ref="E9:F9"/>
    <mergeCell ref="G9:K9"/>
    <mergeCell ref="L9:M9"/>
    <mergeCell ref="N9:O9"/>
    <mergeCell ref="P9:Q9"/>
    <mergeCell ref="E10:F10"/>
    <mergeCell ref="G10:X10"/>
    <mergeCell ref="H5:I5"/>
    <mergeCell ref="K5:L5"/>
    <mergeCell ref="N5:X5"/>
    <mergeCell ref="E6:H7"/>
    <mergeCell ref="K6:P7"/>
    <mergeCell ref="S6:X7"/>
    <mergeCell ref="A1:X1"/>
    <mergeCell ref="A2:A10"/>
    <mergeCell ref="B2:D2"/>
    <mergeCell ref="E2:X2"/>
    <mergeCell ref="B3:D3"/>
    <mergeCell ref="E3:X3"/>
    <mergeCell ref="B4:D4"/>
    <mergeCell ref="E4:X4"/>
    <mergeCell ref="B5:D8"/>
    <mergeCell ref="E5:G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5</xdr:col>
                    <xdr:colOff>114300</xdr:colOff>
                    <xdr:row>29</xdr:row>
                    <xdr:rowOff>161925</xdr:rowOff>
                  </from>
                  <to>
                    <xdr:col>8</xdr:col>
                    <xdr:colOff>104775</xdr:colOff>
                    <xdr:row>31</xdr:row>
                    <xdr:rowOff>28575</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9</xdr:col>
                    <xdr:colOff>161925</xdr:colOff>
                    <xdr:row>29</xdr:row>
                    <xdr:rowOff>161925</xdr:rowOff>
                  </from>
                  <to>
                    <xdr:col>13</xdr:col>
                    <xdr:colOff>133350</xdr:colOff>
                    <xdr:row>31</xdr:row>
                    <xdr:rowOff>28575</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15</xdr:col>
                    <xdr:colOff>0</xdr:colOff>
                    <xdr:row>29</xdr:row>
                    <xdr:rowOff>161925</xdr:rowOff>
                  </from>
                  <to>
                    <xdr:col>18</xdr:col>
                    <xdr:colOff>266700</xdr:colOff>
                    <xdr:row>31</xdr:row>
                    <xdr:rowOff>28575</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4</xdr:col>
                    <xdr:colOff>171450</xdr:colOff>
                    <xdr:row>17</xdr:row>
                    <xdr:rowOff>19050</xdr:rowOff>
                  </from>
                  <to>
                    <xdr:col>5</xdr:col>
                    <xdr:colOff>276225</xdr:colOff>
                    <xdr:row>17</xdr:row>
                    <xdr:rowOff>304800</xdr:rowOff>
                  </to>
                </anchor>
              </controlPr>
            </control>
          </mc:Choice>
        </mc:AlternateContent>
        <mc:AlternateContent xmlns:mc="http://schemas.openxmlformats.org/markup-compatibility/2006">
          <mc:Choice Requires="x14">
            <control shapeId="7173" r:id="rId8" name="Check Box 5">
              <controlPr defaultSize="0" autoFill="0" autoLine="0" autoPict="0">
                <anchor moveWithCells="1">
                  <from>
                    <xdr:col>6</xdr:col>
                    <xdr:colOff>95250</xdr:colOff>
                    <xdr:row>17</xdr:row>
                    <xdr:rowOff>47625</xdr:rowOff>
                  </from>
                  <to>
                    <xdr:col>7</xdr:col>
                    <xdr:colOff>171450</xdr:colOff>
                    <xdr:row>17</xdr:row>
                    <xdr:rowOff>276225</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5787F2-45BD-4BF6-B662-BAF9DF6A74B7}">
  <sheetPr>
    <pageSetUpPr fitToPage="1"/>
  </sheetPr>
  <dimension ref="A1:V8"/>
  <sheetViews>
    <sheetView view="pageBreakPreview" zoomScaleNormal="100" zoomScaleSheetLayoutView="100" workbookViewId="0">
      <selection activeCell="A2" sqref="A2:AK76"/>
    </sheetView>
  </sheetViews>
  <sheetFormatPr defaultColWidth="9.125" defaultRowHeight="16.5"/>
  <cols>
    <col min="1" max="1" width="9.125" style="171"/>
    <col min="2" max="20" width="5.125" style="171" customWidth="1"/>
    <col min="21" max="21" width="6" style="452" customWidth="1"/>
    <col min="22" max="16384" width="9.125" style="452"/>
  </cols>
  <sheetData>
    <row r="1" spans="1:22" ht="36" customHeight="1">
      <c r="A1" s="683" t="s">
        <v>242</v>
      </c>
      <c r="B1" s="683"/>
      <c r="C1" s="683"/>
      <c r="D1" s="683"/>
      <c r="E1" s="683"/>
      <c r="F1" s="683"/>
      <c r="G1" s="683"/>
      <c r="H1" s="683"/>
      <c r="I1" s="683"/>
      <c r="J1" s="683"/>
      <c r="K1" s="683"/>
      <c r="L1" s="683"/>
      <c r="M1" s="683"/>
      <c r="N1" s="683"/>
      <c r="O1" s="683"/>
      <c r="P1" s="683"/>
      <c r="Q1" s="683"/>
      <c r="R1" s="683"/>
      <c r="S1" s="683"/>
      <c r="T1" s="683"/>
      <c r="U1" s="683"/>
      <c r="V1" s="683"/>
    </row>
    <row r="2" spans="1:22" ht="14.45" customHeight="1">
      <c r="A2" s="1291"/>
      <c r="B2" s="613"/>
      <c r="C2" s="613"/>
      <c r="D2" s="613"/>
      <c r="E2" s="613"/>
      <c r="F2" s="613"/>
      <c r="G2" s="613"/>
      <c r="H2" s="613"/>
      <c r="I2" s="613"/>
      <c r="J2" s="613"/>
      <c r="K2" s="613"/>
      <c r="L2" s="613"/>
      <c r="M2" s="613"/>
      <c r="N2" s="613"/>
      <c r="O2" s="613"/>
      <c r="P2" s="613"/>
      <c r="Q2" s="613"/>
      <c r="R2" s="613"/>
      <c r="S2" s="613"/>
      <c r="T2" s="613"/>
      <c r="U2" s="450"/>
      <c r="V2" s="450"/>
    </row>
    <row r="3" spans="1:22" ht="19.7" customHeight="1" thickBot="1">
      <c r="A3" s="683" t="s">
        <v>243</v>
      </c>
      <c r="B3" s="683"/>
      <c r="C3" s="683"/>
      <c r="D3" s="683"/>
      <c r="E3" s="683"/>
      <c r="F3" s="683"/>
      <c r="G3" s="683"/>
      <c r="H3" s="683"/>
      <c r="I3" s="683"/>
      <c r="J3" s="683"/>
      <c r="K3" s="683"/>
      <c r="L3" s="683"/>
      <c r="M3" s="683"/>
      <c r="N3" s="683"/>
      <c r="O3" s="683"/>
      <c r="P3" s="683"/>
      <c r="Q3" s="1291"/>
      <c r="R3" s="1291"/>
      <c r="S3" s="1291"/>
      <c r="T3" s="1291"/>
      <c r="U3" s="450"/>
      <c r="V3" s="450"/>
    </row>
    <row r="4" spans="1:22" ht="19.7" customHeight="1">
      <c r="A4" s="1160" t="s">
        <v>229</v>
      </c>
      <c r="B4" s="1292" t="s">
        <v>204</v>
      </c>
      <c r="C4" s="175"/>
      <c r="D4" s="175"/>
      <c r="E4" s="1293"/>
      <c r="F4" s="1294"/>
      <c r="G4" s="1294"/>
      <c r="H4" s="1294"/>
      <c r="I4" s="1294"/>
      <c r="J4" s="1294"/>
      <c r="K4" s="1294"/>
      <c r="L4" s="1295"/>
      <c r="M4" s="1161" t="s">
        <v>230</v>
      </c>
      <c r="N4" s="1161"/>
      <c r="O4" s="1161"/>
      <c r="P4" s="1161"/>
      <c r="Q4" s="1296"/>
      <c r="R4" s="1296"/>
      <c r="S4" s="1296"/>
      <c r="T4" s="1296"/>
      <c r="U4" s="1296"/>
      <c r="V4" s="1297"/>
    </row>
    <row r="5" spans="1:22" ht="19.7" customHeight="1">
      <c r="A5" s="1168"/>
      <c r="B5" s="627" t="s">
        <v>204</v>
      </c>
      <c r="C5" s="628"/>
      <c r="D5" s="628"/>
      <c r="E5" s="1298"/>
      <c r="F5" s="1299"/>
      <c r="G5" s="1299"/>
      <c r="H5" s="1299"/>
      <c r="I5" s="1299"/>
      <c r="J5" s="1299"/>
      <c r="K5" s="1299"/>
      <c r="L5" s="1300"/>
      <c r="M5" s="232" t="s">
        <v>230</v>
      </c>
      <c r="N5" s="232"/>
      <c r="O5" s="232"/>
      <c r="P5" s="232"/>
      <c r="Q5" s="1301"/>
      <c r="R5" s="1301"/>
      <c r="S5" s="1301"/>
      <c r="T5" s="1301"/>
      <c r="U5" s="1301"/>
      <c r="V5" s="1302"/>
    </row>
    <row r="6" spans="1:22" ht="19.7" customHeight="1">
      <c r="A6" s="1168"/>
      <c r="B6" s="627" t="s">
        <v>204</v>
      </c>
      <c r="C6" s="628"/>
      <c r="D6" s="628"/>
      <c r="E6" s="1298"/>
      <c r="F6" s="1299"/>
      <c r="G6" s="1299"/>
      <c r="H6" s="1299"/>
      <c r="I6" s="1299"/>
      <c r="J6" s="1299"/>
      <c r="K6" s="1299"/>
      <c r="L6" s="1300"/>
      <c r="M6" s="232" t="s">
        <v>230</v>
      </c>
      <c r="N6" s="232"/>
      <c r="O6" s="232"/>
      <c r="P6" s="232"/>
      <c r="Q6" s="1301"/>
      <c r="R6" s="1301"/>
      <c r="S6" s="1301"/>
      <c r="T6" s="1301"/>
      <c r="U6" s="1301"/>
      <c r="V6" s="1302"/>
    </row>
    <row r="7" spans="1:22" ht="19.7" customHeight="1" thickBot="1">
      <c r="A7" s="1175"/>
      <c r="B7" s="1303" t="s">
        <v>204</v>
      </c>
      <c r="C7" s="726"/>
      <c r="D7" s="726"/>
      <c r="E7" s="1304"/>
      <c r="F7" s="1305"/>
      <c r="G7" s="1305"/>
      <c r="H7" s="1305"/>
      <c r="I7" s="1305"/>
      <c r="J7" s="1305"/>
      <c r="K7" s="1305"/>
      <c r="L7" s="1306"/>
      <c r="M7" s="242" t="s">
        <v>230</v>
      </c>
      <c r="N7" s="242"/>
      <c r="O7" s="242"/>
      <c r="P7" s="242"/>
      <c r="Q7" s="1307"/>
      <c r="R7" s="1307"/>
      <c r="S7" s="1307"/>
      <c r="T7" s="1307"/>
      <c r="U7" s="1307"/>
      <c r="V7" s="1308"/>
    </row>
    <row r="8" spans="1:22" ht="19.7" customHeight="1">
      <c r="A8" s="1291"/>
      <c r="B8" s="1291"/>
      <c r="C8" s="1291"/>
      <c r="D8" s="1291"/>
      <c r="E8" s="1291"/>
      <c r="F8" s="1291"/>
      <c r="G8" s="1291"/>
      <c r="H8" s="1291"/>
      <c r="I8" s="1291"/>
      <c r="J8" s="1291"/>
      <c r="K8" s="1291"/>
      <c r="L8" s="1291"/>
      <c r="M8" s="1291"/>
      <c r="N8" s="1291"/>
      <c r="O8" s="1291"/>
      <c r="P8" s="1291"/>
      <c r="Q8" s="1291"/>
      <c r="R8" s="1291"/>
      <c r="S8" s="1291"/>
      <c r="T8" s="1291"/>
      <c r="U8" s="450"/>
      <c r="V8" s="450"/>
    </row>
  </sheetData>
  <mergeCells count="19">
    <mergeCell ref="Q5:V5"/>
    <mergeCell ref="B6:D6"/>
    <mergeCell ref="E6:L6"/>
    <mergeCell ref="M6:P6"/>
    <mergeCell ref="Q6:V6"/>
    <mergeCell ref="B7:D7"/>
    <mergeCell ref="E7:L7"/>
    <mergeCell ref="M7:P7"/>
    <mergeCell ref="Q7:V7"/>
    <mergeCell ref="A1:V1"/>
    <mergeCell ref="A3:P3"/>
    <mergeCell ref="A4:A7"/>
    <mergeCell ref="B4:D4"/>
    <mergeCell ref="E4:L4"/>
    <mergeCell ref="M4:P4"/>
    <mergeCell ref="Q4:V4"/>
    <mergeCell ref="B5:D5"/>
    <mergeCell ref="E5:L5"/>
    <mergeCell ref="M5:P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92A727-C838-42DD-BD8D-E96FCCA8A547}">
  <sheetPr>
    <pageSetUpPr fitToPage="1"/>
  </sheetPr>
  <dimension ref="A1:Q40"/>
  <sheetViews>
    <sheetView view="pageBreakPreview" zoomScaleNormal="100" zoomScaleSheetLayoutView="100" workbookViewId="0">
      <selection activeCell="A2" sqref="A2:AK76"/>
    </sheetView>
  </sheetViews>
  <sheetFormatPr defaultColWidth="9.125" defaultRowHeight="16.5"/>
  <cols>
    <col min="1" max="1" width="9.125" style="2"/>
    <col min="2" max="2" width="3.75" style="2" customWidth="1"/>
    <col min="3" max="3" width="7" style="2" customWidth="1"/>
    <col min="4" max="4" width="6.375" style="2" customWidth="1"/>
    <col min="5" max="5" width="3.75" style="2" customWidth="1"/>
    <col min="6" max="6" width="16.875" style="2" customWidth="1"/>
    <col min="7" max="17" width="9.375" style="2" customWidth="1"/>
    <col min="18" max="16384" width="9.125" style="2"/>
  </cols>
  <sheetData>
    <row r="1" spans="1:17" ht="36" customHeight="1" thickBot="1">
      <c r="A1" s="1309" t="s">
        <v>244</v>
      </c>
      <c r="B1" s="1310"/>
      <c r="C1" s="1310"/>
      <c r="D1" s="1310"/>
      <c r="E1" s="1310"/>
      <c r="F1" s="1310"/>
      <c r="G1" s="1310"/>
      <c r="H1" s="1310"/>
      <c r="I1" s="1310"/>
      <c r="J1" s="1310"/>
      <c r="K1" s="1310"/>
      <c r="L1" s="1310"/>
      <c r="M1" s="1310"/>
      <c r="N1" s="1310"/>
      <c r="O1" s="1310"/>
      <c r="P1" s="1310"/>
      <c r="Q1" s="1310"/>
    </row>
    <row r="2" spans="1:17" ht="15" customHeight="1">
      <c r="A2" s="1311" t="s">
        <v>1</v>
      </c>
      <c r="B2" s="252" t="s">
        <v>2</v>
      </c>
      <c r="C2" s="253"/>
      <c r="D2" s="253"/>
      <c r="E2" s="253"/>
      <c r="F2" s="5"/>
      <c r="G2" s="6"/>
      <c r="H2" s="6"/>
      <c r="I2" s="6"/>
      <c r="J2" s="6"/>
      <c r="K2" s="6"/>
      <c r="L2" s="6"/>
      <c r="M2" s="6"/>
      <c r="N2" s="6"/>
      <c r="O2" s="6"/>
      <c r="P2" s="6"/>
      <c r="Q2" s="7"/>
    </row>
    <row r="3" spans="1:17" ht="15" customHeight="1">
      <c r="A3" s="504"/>
      <c r="B3" s="1312" t="s">
        <v>3</v>
      </c>
      <c r="C3" s="571"/>
      <c r="D3" s="571"/>
      <c r="E3" s="1313"/>
      <c r="F3" s="1314"/>
      <c r="G3" s="1221"/>
      <c r="H3" s="1221"/>
      <c r="I3" s="1221"/>
      <c r="J3" s="1221"/>
      <c r="K3" s="1221"/>
      <c r="L3" s="1221"/>
      <c r="M3" s="1221"/>
      <c r="N3" s="1221"/>
      <c r="O3" s="1221"/>
      <c r="P3" s="1221"/>
      <c r="Q3" s="1222"/>
    </row>
    <row r="4" spans="1:17" ht="30" customHeight="1">
      <c r="A4" s="504"/>
      <c r="B4" s="468" t="s">
        <v>223</v>
      </c>
      <c r="C4" s="121"/>
      <c r="D4" s="121"/>
      <c r="E4" s="122"/>
      <c r="F4" s="1315"/>
      <c r="G4" s="14"/>
      <c r="H4" s="14"/>
      <c r="I4" s="14"/>
      <c r="J4" s="14"/>
      <c r="K4" s="14"/>
      <c r="L4" s="14"/>
      <c r="M4" s="14"/>
      <c r="N4" s="14"/>
      <c r="O4" s="14"/>
      <c r="P4" s="14"/>
      <c r="Q4" s="15"/>
    </row>
    <row r="5" spans="1:17" ht="15" customHeight="1">
      <c r="A5" s="504"/>
      <c r="B5" s="565" t="s">
        <v>5</v>
      </c>
      <c r="C5" s="608"/>
      <c r="D5" s="608"/>
      <c r="E5" s="566"/>
      <c r="F5" s="534" t="s">
        <v>97</v>
      </c>
      <c r="G5" s="21"/>
      <c r="H5" s="1061"/>
      <c r="I5" s="1061"/>
      <c r="J5" s="19" t="s">
        <v>245</v>
      </c>
      <c r="K5" s="1061"/>
      <c r="L5" s="1061"/>
      <c r="M5" s="20" t="s">
        <v>99</v>
      </c>
      <c r="N5" s="21"/>
      <c r="O5" s="21"/>
      <c r="P5" s="21"/>
      <c r="Q5" s="22"/>
    </row>
    <row r="6" spans="1:17" ht="15" customHeight="1">
      <c r="A6" s="504"/>
      <c r="B6" s="536"/>
      <c r="C6" s="121"/>
      <c r="D6" s="121"/>
      <c r="E6" s="121"/>
      <c r="F6" s="1053"/>
      <c r="G6" s="276"/>
      <c r="H6" s="1316" t="s">
        <v>9</v>
      </c>
      <c r="I6" s="1054"/>
      <c r="J6" s="1054"/>
      <c r="K6" s="1054"/>
      <c r="L6" s="1054"/>
      <c r="M6" s="280" t="s">
        <v>10</v>
      </c>
      <c r="N6" s="276"/>
      <c r="O6" s="276"/>
      <c r="P6" s="276"/>
      <c r="Q6" s="279"/>
    </row>
    <row r="7" spans="1:17" ht="15" customHeight="1">
      <c r="A7" s="504"/>
      <c r="B7" s="536"/>
      <c r="C7" s="121"/>
      <c r="D7" s="121"/>
      <c r="E7" s="121"/>
      <c r="F7" s="1053"/>
      <c r="G7" s="276"/>
      <c r="H7" s="1316" t="s">
        <v>11</v>
      </c>
      <c r="I7" s="1054"/>
      <c r="J7" s="1054"/>
      <c r="K7" s="1054"/>
      <c r="L7" s="1054"/>
      <c r="M7" s="280" t="s">
        <v>95</v>
      </c>
      <c r="N7" s="276"/>
      <c r="O7" s="276"/>
      <c r="P7" s="276"/>
      <c r="Q7" s="279"/>
    </row>
    <row r="8" spans="1:17" ht="19.149999999999999" customHeight="1">
      <c r="A8" s="504"/>
      <c r="B8" s="548"/>
      <c r="C8" s="549"/>
      <c r="D8" s="549"/>
      <c r="E8" s="569"/>
      <c r="F8" s="10"/>
      <c r="G8" s="11"/>
      <c r="H8" s="11"/>
      <c r="I8" s="11"/>
      <c r="J8" s="11"/>
      <c r="K8" s="11"/>
      <c r="L8" s="11"/>
      <c r="M8" s="11"/>
      <c r="N8" s="11"/>
      <c r="O8" s="11"/>
      <c r="P8" s="11"/>
      <c r="Q8" s="12"/>
    </row>
    <row r="9" spans="1:17" ht="15" customHeight="1">
      <c r="A9" s="504"/>
      <c r="B9" s="30" t="s">
        <v>13</v>
      </c>
      <c r="C9" s="30"/>
      <c r="D9" s="30"/>
      <c r="E9" s="30"/>
      <c r="F9" s="31" t="s">
        <v>72</v>
      </c>
      <c r="G9" s="32"/>
      <c r="H9" s="33"/>
      <c r="I9" s="34"/>
      <c r="J9" s="34"/>
      <c r="K9" s="35" t="s">
        <v>15</v>
      </c>
      <c r="L9" s="1317"/>
      <c r="M9" s="1318" t="s">
        <v>246</v>
      </c>
      <c r="N9" s="33"/>
      <c r="O9" s="34"/>
      <c r="P9" s="34"/>
      <c r="Q9" s="38"/>
    </row>
    <row r="10" spans="1:17" ht="15" customHeight="1">
      <c r="A10" s="1319"/>
      <c r="B10" s="16"/>
      <c r="C10" s="16"/>
      <c r="D10" s="16"/>
      <c r="E10" s="16"/>
      <c r="F10" s="30" t="s">
        <v>17</v>
      </c>
      <c r="G10" s="30"/>
      <c r="H10" s="40"/>
      <c r="I10" s="41"/>
      <c r="J10" s="42"/>
      <c r="K10" s="42"/>
      <c r="L10" s="42"/>
      <c r="M10" s="41"/>
      <c r="N10" s="41"/>
      <c r="O10" s="41"/>
      <c r="P10" s="41"/>
      <c r="Q10" s="43"/>
    </row>
    <row r="11" spans="1:17" ht="15" customHeight="1">
      <c r="A11" s="819" t="s">
        <v>247</v>
      </c>
      <c r="B11" s="608"/>
      <c r="C11" s="608"/>
      <c r="D11" s="608"/>
      <c r="E11" s="566"/>
      <c r="F11" s="1320" t="s">
        <v>248</v>
      </c>
      <c r="G11" s="1321"/>
      <c r="H11" s="1321"/>
      <c r="I11" s="1321"/>
      <c r="J11" s="1322"/>
      <c r="K11" s="565" t="s">
        <v>249</v>
      </c>
      <c r="L11" s="566"/>
      <c r="M11" s="1323"/>
      <c r="N11" s="1324"/>
      <c r="O11" s="1324"/>
      <c r="P11" s="1324"/>
      <c r="Q11" s="1325"/>
    </row>
    <row r="12" spans="1:17" ht="15" customHeight="1">
      <c r="A12" s="120"/>
      <c r="B12" s="121"/>
      <c r="C12" s="121"/>
      <c r="D12" s="121"/>
      <c r="E12" s="492"/>
      <c r="F12" s="1326" t="s">
        <v>250</v>
      </c>
      <c r="G12" s="1327"/>
      <c r="H12" s="1327"/>
      <c r="I12" s="1327"/>
      <c r="J12" s="1322"/>
      <c r="K12" s="536"/>
      <c r="L12" s="492"/>
      <c r="M12" s="1328"/>
      <c r="N12" s="1329"/>
      <c r="O12" s="1329"/>
      <c r="P12" s="1329"/>
      <c r="Q12" s="1330"/>
    </row>
    <row r="13" spans="1:17" ht="15" customHeight="1">
      <c r="A13" s="1123"/>
      <c r="B13" s="549"/>
      <c r="C13" s="549"/>
      <c r="D13" s="549"/>
      <c r="E13" s="492"/>
      <c r="F13" s="1331" t="s">
        <v>251</v>
      </c>
      <c r="G13" s="1332"/>
      <c r="H13" s="1332"/>
      <c r="I13" s="1332"/>
      <c r="J13" s="1322"/>
      <c r="K13" s="548"/>
      <c r="L13" s="569"/>
      <c r="M13" s="1333"/>
      <c r="N13" s="1334"/>
      <c r="O13" s="1334"/>
      <c r="P13" s="1334"/>
      <c r="Q13" s="1335"/>
    </row>
    <row r="14" spans="1:17" ht="15" customHeight="1">
      <c r="A14" s="504" t="s">
        <v>18</v>
      </c>
      <c r="B14" s="31" t="s">
        <v>3</v>
      </c>
      <c r="C14" s="820"/>
      <c r="D14" s="820"/>
      <c r="E14" s="32"/>
      <c r="F14" s="1047"/>
      <c r="G14" s="559"/>
      <c r="H14" s="559"/>
      <c r="I14" s="559"/>
      <c r="J14" s="560"/>
      <c r="K14" s="565" t="s">
        <v>19</v>
      </c>
      <c r="L14" s="566"/>
      <c r="M14" s="1336" t="s">
        <v>252</v>
      </c>
      <c r="N14" s="1337"/>
      <c r="O14" s="1338" t="s">
        <v>75</v>
      </c>
      <c r="P14" s="1337"/>
      <c r="Q14" s="1339" t="s">
        <v>99</v>
      </c>
    </row>
    <row r="15" spans="1:17" ht="15" customHeight="1">
      <c r="A15" s="504"/>
      <c r="B15" s="31" t="s">
        <v>76</v>
      </c>
      <c r="C15" s="820"/>
      <c r="D15" s="820"/>
      <c r="E15" s="32"/>
      <c r="F15" s="1047"/>
      <c r="G15" s="559"/>
      <c r="H15" s="559"/>
      <c r="I15" s="559"/>
      <c r="J15" s="560"/>
      <c r="K15" s="536"/>
      <c r="L15" s="492"/>
      <c r="M15" s="1056"/>
      <c r="N15" s="27"/>
      <c r="O15" s="27"/>
      <c r="P15" s="27"/>
      <c r="Q15" s="28"/>
    </row>
    <row r="16" spans="1:17" ht="15" customHeight="1">
      <c r="A16" s="504"/>
      <c r="B16" s="31" t="s">
        <v>23</v>
      </c>
      <c r="C16" s="820"/>
      <c r="D16" s="820"/>
      <c r="E16" s="32"/>
      <c r="F16" s="1230"/>
      <c r="G16" s="1231"/>
      <c r="H16" s="1231"/>
      <c r="I16" s="1231"/>
      <c r="J16" s="1232"/>
      <c r="K16" s="548"/>
      <c r="L16" s="569"/>
      <c r="M16" s="1067"/>
      <c r="N16" s="462"/>
      <c r="O16" s="462"/>
      <c r="P16" s="462"/>
      <c r="Q16" s="497"/>
    </row>
    <row r="17" spans="1:17" ht="24.75" customHeight="1">
      <c r="A17" s="491"/>
      <c r="B17" s="1340" t="s">
        <v>253</v>
      </c>
      <c r="C17" s="1341"/>
      <c r="D17" s="1341"/>
      <c r="E17" s="1341"/>
      <c r="F17" s="1341"/>
      <c r="G17" s="1342"/>
      <c r="H17" s="1343"/>
      <c r="I17" s="1343"/>
      <c r="J17" s="1343"/>
      <c r="K17" s="1343"/>
      <c r="L17" s="1343"/>
      <c r="M17" s="1343"/>
      <c r="N17" s="1343"/>
      <c r="O17" s="1343"/>
      <c r="P17" s="1343"/>
      <c r="Q17" s="1344"/>
    </row>
    <row r="18" spans="1:17" ht="37.5" customHeight="1">
      <c r="A18" s="491"/>
      <c r="B18" s="82" t="s">
        <v>102</v>
      </c>
      <c r="C18" s="83"/>
      <c r="D18" s="83"/>
      <c r="E18" s="119"/>
      <c r="F18" s="1345" t="s">
        <v>26</v>
      </c>
      <c r="G18" s="99"/>
      <c r="H18" s="99"/>
      <c r="I18" s="99"/>
      <c r="J18" s="99"/>
      <c r="K18" s="99"/>
      <c r="L18" s="99"/>
      <c r="M18" s="99"/>
      <c r="N18" s="99"/>
      <c r="O18" s="1346" t="s">
        <v>104</v>
      </c>
      <c r="P18" s="1347"/>
      <c r="Q18" s="1348"/>
    </row>
    <row r="19" spans="1:17" ht="26.25" customHeight="1">
      <c r="A19" s="491"/>
      <c r="B19" s="89"/>
      <c r="C19" s="90"/>
      <c r="D19" s="90"/>
      <c r="E19" s="1349"/>
      <c r="F19" s="1350" t="s">
        <v>254</v>
      </c>
      <c r="G19" s="1351"/>
      <c r="H19" s="1351"/>
      <c r="I19" s="1351"/>
      <c r="J19" s="1351"/>
      <c r="K19" s="1351"/>
      <c r="L19" s="1351"/>
      <c r="M19" s="1351"/>
      <c r="N19" s="1351"/>
      <c r="O19" s="1351"/>
      <c r="P19" s="1351"/>
      <c r="Q19" s="1352"/>
    </row>
    <row r="20" spans="1:17" ht="25.5" customHeight="1">
      <c r="A20" s="491"/>
      <c r="B20" s="46"/>
      <c r="C20" s="47"/>
      <c r="D20" s="47"/>
      <c r="E20" s="1353"/>
      <c r="F20" s="1354"/>
      <c r="G20" s="335"/>
      <c r="H20" s="335"/>
      <c r="I20" s="335"/>
      <c r="J20" s="335"/>
      <c r="K20" s="335"/>
      <c r="L20" s="335"/>
      <c r="M20" s="335"/>
      <c r="N20" s="335"/>
      <c r="O20" s="335"/>
      <c r="P20" s="335"/>
      <c r="Q20" s="336"/>
    </row>
    <row r="21" spans="1:17" ht="22.15" customHeight="1">
      <c r="A21" s="819" t="s">
        <v>203</v>
      </c>
      <c r="B21" s="99" t="s">
        <v>204</v>
      </c>
      <c r="C21" s="99"/>
      <c r="D21" s="99"/>
      <c r="E21" s="99"/>
      <c r="F21" s="1355"/>
      <c r="G21" s="1356"/>
      <c r="H21" s="1356"/>
      <c r="I21" s="1356"/>
      <c r="J21" s="1356"/>
      <c r="K21" s="99" t="s">
        <v>255</v>
      </c>
      <c r="L21" s="99"/>
      <c r="M21" s="99"/>
      <c r="N21" s="1355"/>
      <c r="O21" s="1356"/>
      <c r="P21" s="1356"/>
      <c r="Q21" s="1357"/>
    </row>
    <row r="22" spans="1:17" ht="22.15" customHeight="1">
      <c r="A22" s="120"/>
      <c r="B22" s="99" t="s">
        <v>204</v>
      </c>
      <c r="C22" s="99"/>
      <c r="D22" s="99"/>
      <c r="E22" s="99"/>
      <c r="F22" s="1358"/>
      <c r="G22" s="1359"/>
      <c r="H22" s="1359"/>
      <c r="I22" s="1359"/>
      <c r="J22" s="1359"/>
      <c r="K22" s="99" t="s">
        <v>255</v>
      </c>
      <c r="L22" s="99"/>
      <c r="M22" s="99"/>
      <c r="N22" s="1358"/>
      <c r="O22" s="1359"/>
      <c r="P22" s="1359"/>
      <c r="Q22" s="1360"/>
    </row>
    <row r="23" spans="1:17" ht="22.15" customHeight="1">
      <c r="A23" s="1123"/>
      <c r="B23" s="99" t="s">
        <v>204</v>
      </c>
      <c r="C23" s="99"/>
      <c r="D23" s="99"/>
      <c r="E23" s="99"/>
      <c r="F23" s="1361"/>
      <c r="G23" s="1362"/>
      <c r="H23" s="1362"/>
      <c r="I23" s="1362"/>
      <c r="J23" s="1362"/>
      <c r="K23" s="99" t="s">
        <v>255</v>
      </c>
      <c r="L23" s="99"/>
      <c r="M23" s="99"/>
      <c r="N23" s="1361"/>
      <c r="O23" s="1362"/>
      <c r="P23" s="1362"/>
      <c r="Q23" s="1363"/>
    </row>
    <row r="24" spans="1:17" ht="15" customHeight="1">
      <c r="A24" s="1116" t="s">
        <v>32</v>
      </c>
      <c r="B24" s="1117"/>
      <c r="C24" s="1117"/>
      <c r="D24" s="1117"/>
      <c r="E24" s="1117"/>
      <c r="F24" s="1117"/>
      <c r="G24" s="1117"/>
      <c r="H24" s="1117"/>
      <c r="I24" s="1117"/>
      <c r="J24" s="1117"/>
      <c r="K24" s="1117"/>
      <c r="L24" s="1117"/>
      <c r="M24" s="1117"/>
      <c r="N24" s="1117"/>
      <c r="O24" s="1117"/>
      <c r="P24" s="1117"/>
      <c r="Q24" s="1119"/>
    </row>
    <row r="25" spans="1:17" ht="15" customHeight="1">
      <c r="A25" s="120" t="s">
        <v>33</v>
      </c>
      <c r="B25" s="121"/>
      <c r="C25" s="121"/>
      <c r="D25" s="121"/>
      <c r="E25" s="121"/>
      <c r="F25" s="121"/>
      <c r="G25" s="492"/>
      <c r="H25" s="548" t="s">
        <v>256</v>
      </c>
      <c r="I25" s="569"/>
      <c r="J25" s="548" t="s">
        <v>257</v>
      </c>
      <c r="K25" s="569"/>
      <c r="L25" s="548" t="s">
        <v>258</v>
      </c>
      <c r="M25" s="569"/>
      <c r="N25" s="548" t="s">
        <v>116</v>
      </c>
      <c r="O25" s="569"/>
      <c r="P25" s="29" t="s">
        <v>191</v>
      </c>
      <c r="Q25" s="1364"/>
    </row>
    <row r="26" spans="1:17" ht="15" customHeight="1">
      <c r="A26" s="120"/>
      <c r="B26" s="121"/>
      <c r="C26" s="121"/>
      <c r="D26" s="121"/>
      <c r="E26" s="121"/>
      <c r="F26" s="121"/>
      <c r="G26" s="492"/>
      <c r="H26" s="13" t="s">
        <v>44</v>
      </c>
      <c r="I26" s="13" t="s">
        <v>43</v>
      </c>
      <c r="J26" s="13" t="s">
        <v>41</v>
      </c>
      <c r="K26" s="13" t="s">
        <v>42</v>
      </c>
      <c r="L26" s="13" t="s">
        <v>44</v>
      </c>
      <c r="M26" s="13" t="s">
        <v>43</v>
      </c>
      <c r="N26" s="13" t="s">
        <v>44</v>
      </c>
      <c r="O26" s="13" t="s">
        <v>43</v>
      </c>
      <c r="P26" s="13" t="s">
        <v>44</v>
      </c>
      <c r="Q26" s="1365" t="s">
        <v>43</v>
      </c>
    </row>
    <row r="27" spans="1:17" ht="15" customHeight="1">
      <c r="A27" s="133"/>
      <c r="B27" s="1366" t="s">
        <v>86</v>
      </c>
      <c r="C27" s="820"/>
      <c r="D27" s="820"/>
      <c r="E27" s="820"/>
      <c r="F27" s="820"/>
      <c r="G27" s="32"/>
      <c r="H27" s="13"/>
      <c r="I27" s="13"/>
      <c r="J27" s="13"/>
      <c r="K27" s="13"/>
      <c r="L27" s="13"/>
      <c r="M27" s="13"/>
      <c r="N27" s="13"/>
      <c r="O27" s="13"/>
      <c r="P27" s="13"/>
      <c r="Q27" s="1365"/>
    </row>
    <row r="28" spans="1:17" ht="15" customHeight="1">
      <c r="A28" s="133"/>
      <c r="B28" s="468" t="s">
        <v>46</v>
      </c>
      <c r="C28" s="121"/>
      <c r="D28" s="121"/>
      <c r="E28" s="121"/>
      <c r="F28" s="121"/>
      <c r="G28" s="492"/>
      <c r="H28" s="1367"/>
      <c r="I28" s="1367"/>
      <c r="J28" s="1367"/>
      <c r="K28" s="1367"/>
      <c r="L28" s="1367"/>
      <c r="M28" s="1367"/>
      <c r="N28" s="13"/>
      <c r="O28" s="13"/>
      <c r="P28" s="13"/>
      <c r="Q28" s="1365"/>
    </row>
    <row r="29" spans="1:17" ht="15" customHeight="1">
      <c r="A29" s="1104"/>
      <c r="B29" s="1368" t="s">
        <v>259</v>
      </c>
      <c r="C29" s="1368"/>
      <c r="D29" s="1368"/>
      <c r="E29" s="1368"/>
      <c r="F29" s="1368"/>
      <c r="G29" s="1368"/>
      <c r="H29" s="1368"/>
      <c r="I29" s="1368"/>
      <c r="J29" s="1369"/>
      <c r="K29" s="1369"/>
      <c r="L29" s="1368"/>
      <c r="M29" s="1368"/>
      <c r="N29" s="1370"/>
      <c r="O29" s="1370"/>
      <c r="P29" s="1371"/>
      <c r="Q29" s="1372"/>
    </row>
    <row r="30" spans="1:17" ht="15" customHeight="1">
      <c r="A30" s="120" t="s">
        <v>260</v>
      </c>
      <c r="B30" s="121"/>
      <c r="C30" s="121"/>
      <c r="D30" s="121"/>
      <c r="E30" s="121"/>
      <c r="F30" s="548"/>
      <c r="G30" s="549"/>
      <c r="H30" s="549"/>
      <c r="I30" s="549"/>
      <c r="J30" s="26" t="s">
        <v>172</v>
      </c>
      <c r="K30" s="1373" t="s">
        <v>261</v>
      </c>
      <c r="L30" s="164"/>
      <c r="M30" s="164"/>
      <c r="N30" s="1374"/>
      <c r="O30" s="1374"/>
      <c r="P30" s="1374"/>
      <c r="Q30" s="1375"/>
    </row>
    <row r="31" spans="1:17" ht="15" customHeight="1">
      <c r="A31" s="1376"/>
      <c r="B31" s="460"/>
      <c r="C31" s="460"/>
      <c r="D31" s="460"/>
      <c r="E31" s="460"/>
      <c r="F31" s="31" t="s">
        <v>262</v>
      </c>
      <c r="G31" s="32"/>
      <c r="H31" s="31"/>
      <c r="I31" s="820"/>
      <c r="J31" s="1377" t="s">
        <v>172</v>
      </c>
      <c r="K31" s="1378"/>
      <c r="L31" s="1379"/>
      <c r="M31" s="1379"/>
      <c r="N31" s="1379"/>
      <c r="O31" s="1379"/>
      <c r="P31" s="1379"/>
      <c r="Q31" s="1380"/>
    </row>
    <row r="32" spans="1:17" ht="15" customHeight="1">
      <c r="A32" s="1116" t="s">
        <v>166</v>
      </c>
      <c r="B32" s="1117"/>
      <c r="C32" s="1117"/>
      <c r="D32" s="1117"/>
      <c r="E32" s="1117"/>
      <c r="F32" s="1117"/>
      <c r="G32" s="1118"/>
      <c r="H32" s="1118"/>
      <c r="I32" s="1118"/>
      <c r="J32" s="1117"/>
      <c r="K32" s="1117"/>
      <c r="L32" s="1117"/>
      <c r="M32" s="1117"/>
      <c r="N32" s="1117"/>
      <c r="O32" s="1117"/>
      <c r="P32" s="1117"/>
      <c r="Q32" s="1119"/>
    </row>
    <row r="33" spans="1:17" ht="15" customHeight="1">
      <c r="A33" s="1381" t="s">
        <v>263</v>
      </c>
      <c r="B33" s="571"/>
      <c r="C33" s="571"/>
      <c r="D33" s="571"/>
      <c r="E33" s="571"/>
      <c r="F33" s="31"/>
      <c r="G33" s="820"/>
      <c r="H33" s="820"/>
      <c r="I33" s="820"/>
      <c r="J33" s="1382" t="s">
        <v>189</v>
      </c>
      <c r="K33" s="1383"/>
      <c r="L33" s="1383"/>
      <c r="M33" s="1383"/>
      <c r="N33" s="1383"/>
      <c r="O33" s="1383"/>
      <c r="P33" s="1383"/>
      <c r="Q33" s="1384"/>
    </row>
    <row r="34" spans="1:17" s="345" customFormat="1" ht="15" customHeight="1">
      <c r="A34" s="1287" t="s">
        <v>216</v>
      </c>
      <c r="B34" s="117"/>
      <c r="C34" s="117"/>
      <c r="D34" s="117"/>
      <c r="E34" s="117"/>
      <c r="F34" s="1385"/>
      <c r="G34" s="1383"/>
      <c r="H34" s="1383"/>
      <c r="I34" s="1383"/>
      <c r="J34" s="1383"/>
      <c r="K34" s="1383"/>
      <c r="L34" s="1383"/>
      <c r="M34" s="1383"/>
      <c r="N34" s="1383"/>
      <c r="O34" s="1383"/>
      <c r="P34" s="1383"/>
      <c r="Q34" s="1384"/>
    </row>
    <row r="35" spans="1:17" ht="15" customHeight="1" thickBot="1">
      <c r="A35" s="143" t="s">
        <v>48</v>
      </c>
      <c r="B35" s="144"/>
      <c r="C35" s="144"/>
      <c r="D35" s="144"/>
      <c r="E35" s="144"/>
      <c r="F35" s="1386" t="s">
        <v>264</v>
      </c>
      <c r="G35" s="146"/>
      <c r="H35" s="146"/>
      <c r="I35" s="146"/>
      <c r="J35" s="146"/>
      <c r="K35" s="146"/>
      <c r="L35" s="146"/>
      <c r="M35" s="146"/>
      <c r="N35" s="146"/>
      <c r="O35" s="146"/>
      <c r="P35" s="146"/>
      <c r="Q35" s="147"/>
    </row>
    <row r="36" spans="1:17" ht="15.75" customHeight="1">
      <c r="A36" s="386"/>
      <c r="B36" s="386"/>
      <c r="C36" s="386"/>
      <c r="D36" s="386"/>
      <c r="E36" s="386"/>
      <c r="F36" s="386"/>
      <c r="G36" s="386"/>
      <c r="H36" s="386"/>
      <c r="I36" s="386"/>
      <c r="J36" s="386"/>
      <c r="K36" s="386"/>
      <c r="L36" s="386"/>
      <c r="M36" s="386"/>
      <c r="N36" s="386"/>
      <c r="O36" s="386"/>
      <c r="P36" s="386"/>
      <c r="Q36" s="386"/>
    </row>
    <row r="37" spans="1:17" ht="15.95" customHeight="1">
      <c r="A37" s="2" t="s">
        <v>52</v>
      </c>
      <c r="B37" s="387" t="s">
        <v>265</v>
      </c>
      <c r="C37" s="387"/>
      <c r="D37" s="387"/>
      <c r="E37" s="387"/>
      <c r="F37" s="387"/>
      <c r="G37" s="387"/>
      <c r="H37" s="387"/>
      <c r="I37" s="387"/>
      <c r="J37" s="387"/>
      <c r="K37" s="387"/>
      <c r="L37" s="387"/>
      <c r="M37" s="387"/>
      <c r="N37" s="387"/>
      <c r="O37" s="387"/>
      <c r="P37" s="387"/>
      <c r="Q37" s="387"/>
    </row>
    <row r="38" spans="1:17" ht="15.95" customHeight="1">
      <c r="A38" s="1155"/>
      <c r="B38" s="387"/>
      <c r="C38" s="387"/>
      <c r="D38" s="387"/>
      <c r="E38" s="387"/>
      <c r="F38" s="387"/>
      <c r="G38" s="387"/>
      <c r="H38" s="387"/>
      <c r="I38" s="387"/>
      <c r="J38" s="387"/>
      <c r="K38" s="387"/>
      <c r="L38" s="387"/>
      <c r="M38" s="387"/>
      <c r="N38" s="387"/>
      <c r="O38" s="387"/>
      <c r="P38" s="387"/>
      <c r="Q38" s="387"/>
    </row>
    <row r="39" spans="1:17" ht="15.95" customHeight="1">
      <c r="A39" s="1155"/>
      <c r="B39" s="387"/>
      <c r="C39" s="387"/>
      <c r="D39" s="387"/>
      <c r="E39" s="387"/>
      <c r="F39" s="387"/>
      <c r="G39" s="387"/>
      <c r="H39" s="387"/>
      <c r="I39" s="387"/>
      <c r="J39" s="387"/>
      <c r="K39" s="387"/>
      <c r="L39" s="387"/>
      <c r="M39" s="387"/>
      <c r="N39" s="387"/>
      <c r="O39" s="387"/>
      <c r="P39" s="387"/>
      <c r="Q39" s="387"/>
    </row>
    <row r="40" spans="1:17">
      <c r="A40" s="1154"/>
      <c r="B40" s="387"/>
      <c r="C40" s="387"/>
      <c r="D40" s="387"/>
      <c r="E40" s="387"/>
      <c r="F40" s="387"/>
      <c r="G40" s="387"/>
      <c r="H40" s="387"/>
      <c r="I40" s="387"/>
      <c r="J40" s="387"/>
      <c r="K40" s="387"/>
      <c r="L40" s="387"/>
      <c r="M40" s="387"/>
      <c r="N40" s="387"/>
      <c r="O40" s="387"/>
      <c r="P40" s="387"/>
      <c r="Q40" s="387"/>
    </row>
  </sheetData>
  <mergeCells count="84">
    <mergeCell ref="B37:Q40"/>
    <mergeCell ref="A32:Q32"/>
    <mergeCell ref="A33:E33"/>
    <mergeCell ref="F33:I33"/>
    <mergeCell ref="A34:E34"/>
    <mergeCell ref="A35:E35"/>
    <mergeCell ref="F35:Q35"/>
    <mergeCell ref="L29:M29"/>
    <mergeCell ref="N29:O29"/>
    <mergeCell ref="P29:Q29"/>
    <mergeCell ref="A30:E31"/>
    <mergeCell ref="F30:I30"/>
    <mergeCell ref="F31:G31"/>
    <mergeCell ref="H31:I31"/>
    <mergeCell ref="K31:Q31"/>
    <mergeCell ref="A27:A29"/>
    <mergeCell ref="B27:G27"/>
    <mergeCell ref="B28:G28"/>
    <mergeCell ref="B29:G29"/>
    <mergeCell ref="H29:I29"/>
    <mergeCell ref="J29:K29"/>
    <mergeCell ref="F23:J23"/>
    <mergeCell ref="K23:M23"/>
    <mergeCell ref="N23:Q23"/>
    <mergeCell ref="A24:Q24"/>
    <mergeCell ref="A25:G26"/>
    <mergeCell ref="H25:I25"/>
    <mergeCell ref="J25:K25"/>
    <mergeCell ref="L25:M25"/>
    <mergeCell ref="N25:O25"/>
    <mergeCell ref="P25:Q25"/>
    <mergeCell ref="A21:A23"/>
    <mergeCell ref="B21:E21"/>
    <mergeCell ref="F21:J21"/>
    <mergeCell ref="K21:M21"/>
    <mergeCell ref="N21:Q21"/>
    <mergeCell ref="B22:E22"/>
    <mergeCell ref="F22:J22"/>
    <mergeCell ref="K22:M22"/>
    <mergeCell ref="N22:Q22"/>
    <mergeCell ref="B23:E23"/>
    <mergeCell ref="B16:E16"/>
    <mergeCell ref="F16:J16"/>
    <mergeCell ref="B17:F17"/>
    <mergeCell ref="G17:Q17"/>
    <mergeCell ref="B18:E20"/>
    <mergeCell ref="G18:N18"/>
    <mergeCell ref="P18:Q18"/>
    <mergeCell ref="F19:F20"/>
    <mergeCell ref="G19:Q19"/>
    <mergeCell ref="G20:Q20"/>
    <mergeCell ref="A11:E13"/>
    <mergeCell ref="K11:L13"/>
    <mergeCell ref="M11:Q13"/>
    <mergeCell ref="A14:A20"/>
    <mergeCell ref="B14:E14"/>
    <mergeCell ref="F14:J14"/>
    <mergeCell ref="K14:L16"/>
    <mergeCell ref="B15:E15"/>
    <mergeCell ref="F15:J15"/>
    <mergeCell ref="M15:Q16"/>
    <mergeCell ref="F8:Q8"/>
    <mergeCell ref="B9:E10"/>
    <mergeCell ref="F9:G9"/>
    <mergeCell ref="H9:J9"/>
    <mergeCell ref="N9:Q9"/>
    <mergeCell ref="F10:G10"/>
    <mergeCell ref="H10:Q10"/>
    <mergeCell ref="H5:I5"/>
    <mergeCell ref="K5:L5"/>
    <mergeCell ref="N5:Q5"/>
    <mergeCell ref="F6:G7"/>
    <mergeCell ref="I6:L7"/>
    <mergeCell ref="N6:Q7"/>
    <mergeCell ref="A1:Q1"/>
    <mergeCell ref="A2:A10"/>
    <mergeCell ref="B2:E2"/>
    <mergeCell ref="F2:Q2"/>
    <mergeCell ref="B3:E3"/>
    <mergeCell ref="F3:Q3"/>
    <mergeCell ref="B4:E4"/>
    <mergeCell ref="F4:Q4"/>
    <mergeCell ref="B5:E8"/>
    <mergeCell ref="F5:G5"/>
  </mergeCells>
  <phoneticPr fontId="3"/>
  <dataValidations count="1">
    <dataValidation type="list" allowBlank="1" showInputMessage="1" showErrorMessage="1" sqref="J11:J13" xr:uid="{771AFDD6-9763-436B-94BE-79B1FE1C9717}">
      <formula1>"○"</formula1>
    </dataValidation>
  </dataValidations>
  <printOptions horizontalCentered="1"/>
  <pageMargins left="0.70866141732283472" right="0.70866141732283472" top="0.74803149606299213" bottom="0.74803149606299213" header="0.31496062992125984" footer="0.31496062992125984"/>
  <pageSetup paperSize="9" scale="5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6</xdr:col>
                    <xdr:colOff>142875</xdr:colOff>
                    <xdr:row>32</xdr:row>
                    <xdr:rowOff>161925</xdr:rowOff>
                  </from>
                  <to>
                    <xdr:col>7</xdr:col>
                    <xdr:colOff>466725</xdr:colOff>
                    <xdr:row>34</xdr:row>
                    <xdr:rowOff>47625</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8</xdr:col>
                    <xdr:colOff>457200</xdr:colOff>
                    <xdr:row>32</xdr:row>
                    <xdr:rowOff>161925</xdr:rowOff>
                  </from>
                  <to>
                    <xdr:col>10</xdr:col>
                    <xdr:colOff>428625</xdr:colOff>
                    <xdr:row>34</xdr:row>
                    <xdr:rowOff>47625</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11</xdr:col>
                    <xdr:colOff>142875</xdr:colOff>
                    <xdr:row>32</xdr:row>
                    <xdr:rowOff>161925</xdr:rowOff>
                  </from>
                  <to>
                    <xdr:col>13</xdr:col>
                    <xdr:colOff>123825</xdr:colOff>
                    <xdr:row>34</xdr:row>
                    <xdr:rowOff>47625</xdr:rowOff>
                  </to>
                </anchor>
              </controlPr>
            </control>
          </mc:Choice>
        </mc:AlternateContent>
      </controls>
    </mc:Choice>
  </mc:AlternateConten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27153C-C8E8-4E1F-836F-D34B6901053A}">
  <sheetPr>
    <pageSetUpPr fitToPage="1"/>
  </sheetPr>
  <dimension ref="A1:Q6"/>
  <sheetViews>
    <sheetView view="pageBreakPreview" zoomScaleNormal="100" zoomScaleSheetLayoutView="100" workbookViewId="0">
      <selection activeCell="A2" sqref="A2:AK76"/>
    </sheetView>
  </sheetViews>
  <sheetFormatPr defaultColWidth="9.125" defaultRowHeight="16.5"/>
  <cols>
    <col min="1" max="1" width="9.125" style="171"/>
    <col min="2" max="5" width="3.75" style="171" customWidth="1"/>
    <col min="6" max="6" width="9.125" style="171"/>
    <col min="7" max="17" width="9.375" style="171" customWidth="1"/>
    <col min="18" max="16384" width="9.125" style="171"/>
  </cols>
  <sheetData>
    <row r="1" spans="1:17" ht="36" customHeight="1">
      <c r="A1" s="612" t="s">
        <v>266</v>
      </c>
      <c r="B1" s="1156"/>
      <c r="C1" s="1156"/>
      <c r="D1" s="1156"/>
      <c r="E1" s="1156"/>
      <c r="F1" s="1156"/>
      <c r="G1" s="1156"/>
      <c r="H1" s="1156"/>
      <c r="I1" s="1156"/>
      <c r="J1" s="1156"/>
      <c r="K1" s="1156"/>
      <c r="L1" s="1156"/>
      <c r="M1" s="1156"/>
      <c r="N1" s="1156"/>
      <c r="O1" s="1156"/>
      <c r="P1" s="1156"/>
      <c r="Q1" s="1156"/>
    </row>
    <row r="2" spans="1:17" ht="14.45" customHeight="1">
      <c r="A2" s="173"/>
      <c r="B2" s="613"/>
      <c r="C2" s="613"/>
      <c r="D2" s="613"/>
      <c r="E2" s="613"/>
      <c r="F2" s="613"/>
      <c r="G2" s="613"/>
      <c r="H2" s="613"/>
      <c r="I2" s="613"/>
      <c r="J2" s="613"/>
      <c r="K2" s="613"/>
      <c r="L2" s="613"/>
      <c r="M2" s="613"/>
      <c r="N2" s="613"/>
      <c r="O2" s="613"/>
      <c r="P2" s="613"/>
      <c r="Q2" s="613"/>
    </row>
    <row r="3" spans="1:17" ht="19.899999999999999" customHeight="1" thickBot="1">
      <c r="A3" s="1387" t="s">
        <v>243</v>
      </c>
      <c r="B3" s="613"/>
      <c r="C3" s="613"/>
      <c r="D3" s="613"/>
      <c r="E3" s="613"/>
      <c r="F3" s="613"/>
      <c r="G3" s="613"/>
      <c r="H3" s="613"/>
      <c r="I3" s="613"/>
      <c r="J3" s="613"/>
      <c r="K3" s="613"/>
      <c r="L3" s="613"/>
      <c r="M3" s="613"/>
      <c r="N3" s="613"/>
      <c r="O3" s="613"/>
      <c r="P3" s="613"/>
      <c r="Q3" s="613"/>
    </row>
    <row r="4" spans="1:17" ht="22.15" customHeight="1">
      <c r="A4" s="174" t="s">
        <v>203</v>
      </c>
      <c r="B4" s="1161" t="s">
        <v>204</v>
      </c>
      <c r="C4" s="1161"/>
      <c r="D4" s="1161"/>
      <c r="E4" s="1161"/>
      <c r="F4" s="1388"/>
      <c r="G4" s="178"/>
      <c r="H4" s="178"/>
      <c r="I4" s="178"/>
      <c r="J4" s="178"/>
      <c r="K4" s="1161" t="s">
        <v>255</v>
      </c>
      <c r="L4" s="1161"/>
      <c r="M4" s="1161"/>
      <c r="N4" s="1388"/>
      <c r="O4" s="178"/>
      <c r="P4" s="178"/>
      <c r="Q4" s="179"/>
    </row>
    <row r="5" spans="1:17" ht="22.15" customHeight="1">
      <c r="A5" s="180"/>
      <c r="B5" s="232" t="s">
        <v>204</v>
      </c>
      <c r="C5" s="232"/>
      <c r="D5" s="232"/>
      <c r="E5" s="232"/>
      <c r="F5" s="1389"/>
      <c r="G5" s="692"/>
      <c r="H5" s="692"/>
      <c r="I5" s="692"/>
      <c r="J5" s="692"/>
      <c r="K5" s="232" t="s">
        <v>255</v>
      </c>
      <c r="L5" s="232"/>
      <c r="M5" s="232"/>
      <c r="N5" s="1389"/>
      <c r="O5" s="692"/>
      <c r="P5" s="692"/>
      <c r="Q5" s="693"/>
    </row>
    <row r="6" spans="1:17" ht="22.15" customHeight="1" thickBot="1">
      <c r="A6" s="206"/>
      <c r="B6" s="242" t="s">
        <v>204</v>
      </c>
      <c r="C6" s="242"/>
      <c r="D6" s="242"/>
      <c r="E6" s="242"/>
      <c r="F6" s="1390"/>
      <c r="G6" s="1391"/>
      <c r="H6" s="1391"/>
      <c r="I6" s="1391"/>
      <c r="J6" s="1391"/>
      <c r="K6" s="242" t="s">
        <v>255</v>
      </c>
      <c r="L6" s="242"/>
      <c r="M6" s="242"/>
      <c r="N6" s="1390"/>
      <c r="O6" s="1391"/>
      <c r="P6" s="1391"/>
      <c r="Q6" s="1392"/>
    </row>
  </sheetData>
  <mergeCells count="14">
    <mergeCell ref="B6:E6"/>
    <mergeCell ref="F6:J6"/>
    <mergeCell ref="K6:M6"/>
    <mergeCell ref="N6:Q6"/>
    <mergeCell ref="A1:Q1"/>
    <mergeCell ref="A4:A6"/>
    <mergeCell ref="B4:E4"/>
    <mergeCell ref="F4:J4"/>
    <mergeCell ref="K4:M4"/>
    <mergeCell ref="N4:Q4"/>
    <mergeCell ref="B5:E5"/>
    <mergeCell ref="F5:J5"/>
    <mergeCell ref="K5:M5"/>
    <mergeCell ref="N5:Q5"/>
  </mergeCells>
  <phoneticPr fontId="3"/>
  <printOptions horizontalCentered="1"/>
  <pageMargins left="0.70866141732283472" right="0.70866141732283472" top="0.74803149606299213" bottom="0.74803149606299213" header="0.31496062992125984" footer="0.31496062992125984"/>
  <pageSetup paperSize="9" scale="59" orientation="portrait" r:id="rId1"/>
  <headerFooter alignWithMargins="0"/>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4DE404-8A26-4749-BDA1-030B89D44FC5}">
  <sheetPr>
    <pageSetUpPr fitToPage="1"/>
  </sheetPr>
  <dimension ref="A1:X74"/>
  <sheetViews>
    <sheetView view="pageBreakPreview" zoomScaleNormal="100" zoomScaleSheetLayoutView="100" workbookViewId="0">
      <selection activeCell="A2" sqref="A2:AK76"/>
    </sheetView>
  </sheetViews>
  <sheetFormatPr defaultColWidth="9.125" defaultRowHeight="17.25"/>
  <cols>
    <col min="1" max="1" width="6.125" style="386" customWidth="1"/>
    <col min="2" max="3" width="3.75" style="386" customWidth="1"/>
    <col min="4" max="4" width="5.75" style="386" customWidth="1"/>
    <col min="5" max="5" width="4.75" style="386" customWidth="1"/>
    <col min="6" max="6" width="6.125" style="386" customWidth="1"/>
    <col min="7" max="7" width="10.125" style="386" customWidth="1"/>
    <col min="8" max="8" width="4" style="386" customWidth="1"/>
    <col min="9" max="11" width="3.75" style="386" customWidth="1"/>
    <col min="12" max="15" width="10" style="386" customWidth="1"/>
    <col min="16" max="16" width="12.625" style="386" customWidth="1"/>
    <col min="17" max="19" width="10" style="386" customWidth="1"/>
    <col min="20" max="21" width="9.125" style="386"/>
    <col min="22" max="22" width="9.375" style="386" bestFit="1" customWidth="1"/>
    <col min="23" max="16384" width="9.125" style="386"/>
  </cols>
  <sheetData>
    <row r="1" spans="1:24" ht="36" customHeight="1" thickBot="1">
      <c r="A1" s="1309" t="s">
        <v>267</v>
      </c>
      <c r="B1" s="1393"/>
      <c r="C1" s="1393"/>
      <c r="D1" s="1393"/>
      <c r="E1" s="1393"/>
      <c r="F1" s="1393"/>
      <c r="G1" s="1393"/>
      <c r="H1" s="1393"/>
      <c r="I1" s="1393"/>
      <c r="J1" s="1393"/>
      <c r="K1" s="1393"/>
      <c r="L1" s="1393"/>
      <c r="M1" s="1393"/>
      <c r="N1" s="1393"/>
      <c r="O1" s="1393"/>
      <c r="P1" s="1393"/>
      <c r="Q1" s="1393"/>
      <c r="R1" s="1393"/>
      <c r="S1" s="1393"/>
    </row>
    <row r="2" spans="1:24" s="2" customFormat="1" ht="15" customHeight="1">
      <c r="A2" s="3" t="s">
        <v>268</v>
      </c>
      <c r="B2" s="728" t="s">
        <v>2</v>
      </c>
      <c r="C2" s="729"/>
      <c r="D2" s="729"/>
      <c r="E2" s="729"/>
      <c r="F2" s="5"/>
      <c r="G2" s="6"/>
      <c r="H2" s="6"/>
      <c r="I2" s="6"/>
      <c r="J2" s="6"/>
      <c r="K2" s="6"/>
      <c r="L2" s="6"/>
      <c r="M2" s="6"/>
      <c r="N2" s="6"/>
      <c r="O2" s="6"/>
      <c r="P2" s="6"/>
      <c r="Q2" s="6"/>
      <c r="R2" s="6"/>
      <c r="S2" s="7"/>
    </row>
    <row r="3" spans="1:24" ht="15" customHeight="1">
      <c r="A3" s="8"/>
      <c r="B3" s="31" t="s">
        <v>269</v>
      </c>
      <c r="C3" s="820"/>
      <c r="D3" s="820"/>
      <c r="E3" s="32"/>
      <c r="F3" s="559"/>
      <c r="G3" s="559"/>
      <c r="H3" s="559"/>
      <c r="I3" s="559"/>
      <c r="J3" s="559"/>
      <c r="K3" s="559"/>
      <c r="L3" s="559"/>
      <c r="M3" s="559"/>
      <c r="N3" s="559"/>
      <c r="O3" s="559"/>
      <c r="P3" s="559"/>
      <c r="Q3" s="559"/>
      <c r="R3" s="559"/>
      <c r="S3" s="1048"/>
    </row>
    <row r="4" spans="1:24" ht="30" customHeight="1">
      <c r="A4" s="8"/>
      <c r="B4" s="31" t="s">
        <v>270</v>
      </c>
      <c r="C4" s="820"/>
      <c r="D4" s="820"/>
      <c r="E4" s="32"/>
      <c r="F4" s="1047"/>
      <c r="G4" s="559"/>
      <c r="H4" s="559"/>
      <c r="I4" s="559"/>
      <c r="J4" s="559"/>
      <c r="K4" s="559"/>
      <c r="L4" s="559"/>
      <c r="M4" s="559"/>
      <c r="N4" s="559"/>
      <c r="O4" s="559"/>
      <c r="P4" s="559"/>
      <c r="Q4" s="559"/>
      <c r="R4" s="559"/>
      <c r="S4" s="1048"/>
      <c r="X4" s="386" t="s">
        <v>51</v>
      </c>
    </row>
    <row r="5" spans="1:24" ht="15" customHeight="1">
      <c r="A5" s="8"/>
      <c r="B5" s="565" t="s">
        <v>5</v>
      </c>
      <c r="C5" s="608"/>
      <c r="D5" s="608"/>
      <c r="E5" s="566"/>
      <c r="F5" s="121" t="s">
        <v>20</v>
      </c>
      <c r="G5" s="121"/>
      <c r="H5" s="121"/>
      <c r="I5" s="1051"/>
      <c r="J5" s="1051"/>
      <c r="K5" s="1051"/>
      <c r="L5" s="1394" t="s">
        <v>62</v>
      </c>
      <c r="M5" s="1394"/>
      <c r="N5" s="164" t="s">
        <v>30</v>
      </c>
      <c r="O5" s="1051"/>
      <c r="P5" s="1051"/>
      <c r="Q5" s="1051"/>
      <c r="R5" s="1051"/>
      <c r="S5" s="1395"/>
    </row>
    <row r="6" spans="1:24" ht="15" customHeight="1">
      <c r="A6" s="8"/>
      <c r="B6" s="536"/>
      <c r="C6" s="121"/>
      <c r="D6" s="121"/>
      <c r="E6" s="492"/>
      <c r="F6" s="1056"/>
      <c r="G6" s="27"/>
      <c r="H6" s="27"/>
      <c r="I6" s="27"/>
      <c r="J6" s="27"/>
      <c r="K6" s="27"/>
      <c r="L6" s="26" t="s">
        <v>271</v>
      </c>
      <c r="M6" s="27"/>
      <c r="N6" s="27"/>
      <c r="O6" s="27"/>
      <c r="P6" s="26" t="s">
        <v>10</v>
      </c>
      <c r="Q6" s="1396"/>
      <c r="R6" s="1396"/>
      <c r="S6" s="1397"/>
    </row>
    <row r="7" spans="1:24" ht="15" customHeight="1">
      <c r="A7" s="8"/>
      <c r="B7" s="536"/>
      <c r="C7" s="121"/>
      <c r="D7" s="121"/>
      <c r="E7" s="492"/>
      <c r="F7" s="1056"/>
      <c r="G7" s="27"/>
      <c r="H7" s="27"/>
      <c r="I7" s="27"/>
      <c r="J7" s="27"/>
      <c r="K7" s="27"/>
      <c r="L7" s="26" t="s">
        <v>11</v>
      </c>
      <c r="M7" s="27"/>
      <c r="N7" s="27"/>
      <c r="O7" s="27"/>
      <c r="P7" s="26" t="s">
        <v>95</v>
      </c>
      <c r="Q7" s="1396"/>
      <c r="R7" s="1396"/>
      <c r="S7" s="1397"/>
    </row>
    <row r="8" spans="1:24" ht="18.95" customHeight="1">
      <c r="A8" s="8"/>
      <c r="B8" s="548"/>
      <c r="C8" s="549"/>
      <c r="D8" s="549"/>
      <c r="E8" s="569"/>
      <c r="F8" s="1056"/>
      <c r="G8" s="27"/>
      <c r="H8" s="27"/>
      <c r="I8" s="27"/>
      <c r="J8" s="27"/>
      <c r="K8" s="27"/>
      <c r="L8" s="27"/>
      <c r="M8" s="27"/>
      <c r="N8" s="27"/>
      <c r="O8" s="27"/>
      <c r="P8" s="27"/>
      <c r="Q8" s="27"/>
      <c r="R8" s="27"/>
      <c r="S8" s="28"/>
    </row>
    <row r="9" spans="1:24" ht="15" customHeight="1">
      <c r="A9" s="8"/>
      <c r="B9" s="565" t="s">
        <v>272</v>
      </c>
      <c r="C9" s="608"/>
      <c r="D9" s="608"/>
      <c r="E9" s="566"/>
      <c r="F9" s="31" t="s">
        <v>72</v>
      </c>
      <c r="G9" s="820"/>
      <c r="H9" s="820"/>
      <c r="I9" s="33"/>
      <c r="J9" s="34"/>
      <c r="K9" s="34"/>
      <c r="L9" s="34"/>
      <c r="M9" s="35" t="s">
        <v>15</v>
      </c>
      <c r="N9" s="1398"/>
      <c r="O9" s="1399" t="s">
        <v>200</v>
      </c>
      <c r="P9" s="1400"/>
      <c r="Q9" s="1401"/>
      <c r="R9" s="1401"/>
      <c r="S9" s="1402"/>
    </row>
    <row r="10" spans="1:24" ht="15" customHeight="1">
      <c r="A10" s="1403"/>
      <c r="B10" s="1066"/>
      <c r="C10" s="460"/>
      <c r="D10" s="460"/>
      <c r="E10" s="496"/>
      <c r="F10" s="570" t="s">
        <v>17</v>
      </c>
      <c r="G10" s="571"/>
      <c r="H10" s="571"/>
      <c r="I10" s="1404"/>
      <c r="J10" s="480"/>
      <c r="K10" s="480"/>
      <c r="L10" s="480"/>
      <c r="M10" s="480"/>
      <c r="N10" s="1405"/>
      <c r="O10" s="480"/>
      <c r="P10" s="480"/>
      <c r="Q10" s="480"/>
      <c r="R10" s="480"/>
      <c r="S10" s="605"/>
    </row>
    <row r="11" spans="1:24" ht="15" customHeight="1">
      <c r="A11" s="482" t="s">
        <v>18</v>
      </c>
      <c r="B11" s="116" t="s">
        <v>273</v>
      </c>
      <c r="C11" s="117"/>
      <c r="D11" s="117"/>
      <c r="E11" s="117"/>
      <c r="F11" s="1406"/>
      <c r="G11" s="1407"/>
      <c r="H11" s="1407"/>
      <c r="I11" s="1407"/>
      <c r="J11" s="1407"/>
      <c r="K11" s="1407"/>
      <c r="L11" s="1407"/>
      <c r="M11" s="1408"/>
      <c r="N11" s="1409" t="s">
        <v>19</v>
      </c>
      <c r="O11" s="1410" t="s">
        <v>274</v>
      </c>
      <c r="P11" s="1411"/>
      <c r="Q11" s="1411" t="s">
        <v>7</v>
      </c>
      <c r="R11" s="1412"/>
      <c r="S11" s="1413" t="s">
        <v>30</v>
      </c>
    </row>
    <row r="12" spans="1:24" ht="15" customHeight="1">
      <c r="A12" s="491"/>
      <c r="B12" s="116" t="s">
        <v>275</v>
      </c>
      <c r="C12" s="117"/>
      <c r="D12" s="117"/>
      <c r="E12" s="117"/>
      <c r="F12" s="557"/>
      <c r="G12" s="558"/>
      <c r="H12" s="558"/>
      <c r="I12" s="558"/>
      <c r="J12" s="558"/>
      <c r="K12" s="558"/>
      <c r="L12" s="558"/>
      <c r="M12" s="1414"/>
      <c r="N12" s="1415"/>
      <c r="O12" s="1056"/>
      <c r="P12" s="27"/>
      <c r="Q12" s="27"/>
      <c r="R12" s="27"/>
      <c r="S12" s="28"/>
    </row>
    <row r="13" spans="1:24" ht="15" customHeight="1">
      <c r="A13" s="491"/>
      <c r="B13" s="118" t="s">
        <v>23</v>
      </c>
      <c r="C13" s="21"/>
      <c r="D13" s="21"/>
      <c r="E13" s="21"/>
      <c r="F13" s="1416"/>
      <c r="G13" s="1417"/>
      <c r="H13" s="1417"/>
      <c r="I13" s="1417"/>
      <c r="J13" s="1417"/>
      <c r="K13" s="1417"/>
      <c r="L13" s="1417"/>
      <c r="M13" s="1418"/>
      <c r="N13" s="1415"/>
      <c r="O13" s="1056"/>
      <c r="P13" s="27"/>
      <c r="Q13" s="27"/>
      <c r="R13" s="27"/>
      <c r="S13" s="28"/>
    </row>
    <row r="14" spans="1:24" s="2" customFormat="1" ht="24" customHeight="1">
      <c r="A14" s="504"/>
      <c r="B14" s="1419" t="s">
        <v>253</v>
      </c>
      <c r="C14" s="1419"/>
      <c r="D14" s="1419"/>
      <c r="E14" s="1419"/>
      <c r="F14" s="1419"/>
      <c r="G14" s="1419"/>
      <c r="H14" s="1420"/>
      <c r="I14" s="1421"/>
      <c r="J14" s="1421"/>
      <c r="K14" s="1421"/>
      <c r="L14" s="1421"/>
      <c r="M14" s="1421"/>
      <c r="N14" s="1421"/>
      <c r="O14" s="1421"/>
      <c r="P14" s="1421"/>
      <c r="Q14" s="1421"/>
      <c r="R14" s="1421"/>
      <c r="S14" s="1422"/>
      <c r="V14" s="324"/>
    </row>
    <row r="15" spans="1:24" ht="42.75" customHeight="1">
      <c r="A15" s="504"/>
      <c r="B15" s="1423" t="s">
        <v>102</v>
      </c>
      <c r="C15" s="1423"/>
      <c r="D15" s="1423"/>
      <c r="E15" s="1423"/>
      <c r="F15" s="1423" t="s">
        <v>103</v>
      </c>
      <c r="G15" s="1423"/>
      <c r="H15" s="1424"/>
      <c r="I15" s="1425"/>
      <c r="J15" s="1425"/>
      <c r="K15" s="1425"/>
      <c r="L15" s="1425"/>
      <c r="M15" s="1425"/>
      <c r="N15" s="1425"/>
      <c r="O15" s="1425"/>
      <c r="P15" s="1426"/>
      <c r="Q15" s="1427" t="s">
        <v>276</v>
      </c>
      <c r="R15" s="58"/>
      <c r="S15" s="323"/>
    </row>
    <row r="16" spans="1:24" ht="21.75" customHeight="1">
      <c r="A16" s="504"/>
      <c r="B16" s="1423"/>
      <c r="C16" s="1423"/>
      <c r="D16" s="1423"/>
      <c r="E16" s="1423"/>
      <c r="F16" s="1423" t="s">
        <v>254</v>
      </c>
      <c r="G16" s="1428"/>
      <c r="H16" s="1429"/>
      <c r="I16" s="1430"/>
      <c r="J16" s="1430"/>
      <c r="K16" s="1430"/>
      <c r="L16" s="1430"/>
      <c r="M16" s="1430"/>
      <c r="N16" s="1430"/>
      <c r="O16" s="1430"/>
      <c r="P16" s="1430"/>
      <c r="Q16" s="1430"/>
      <c r="R16" s="1430"/>
      <c r="S16" s="1431"/>
    </row>
    <row r="17" spans="1:20" ht="21.75" customHeight="1">
      <c r="A17" s="1432"/>
      <c r="B17" s="1423"/>
      <c r="C17" s="1423"/>
      <c r="D17" s="1423"/>
      <c r="E17" s="1423"/>
      <c r="F17" s="1428"/>
      <c r="G17" s="1428"/>
      <c r="H17" s="1433"/>
      <c r="I17" s="1434"/>
      <c r="J17" s="1434"/>
      <c r="K17" s="1434"/>
      <c r="L17" s="1434"/>
      <c r="M17" s="1434"/>
      <c r="N17" s="1434"/>
      <c r="O17" s="1434"/>
      <c r="P17" s="1434"/>
      <c r="Q17" s="1434"/>
      <c r="R17" s="1434"/>
      <c r="S17" s="1435"/>
    </row>
    <row r="18" spans="1:20" ht="18" customHeight="1">
      <c r="A18" s="114" t="s">
        <v>277</v>
      </c>
      <c r="B18" s="1436"/>
      <c r="C18" s="1436"/>
      <c r="D18" s="1436"/>
      <c r="E18" s="492"/>
      <c r="F18" s="1437"/>
      <c r="G18" s="1437"/>
      <c r="H18" s="1438"/>
      <c r="I18" s="1439" t="s">
        <v>278</v>
      </c>
      <c r="J18" s="1440"/>
      <c r="K18" s="1441"/>
      <c r="L18" s="10"/>
      <c r="M18" s="11"/>
      <c r="N18" s="11"/>
      <c r="O18" s="1227"/>
      <c r="P18" s="567" t="s">
        <v>276</v>
      </c>
      <c r="Q18" s="570"/>
      <c r="R18" s="571"/>
      <c r="S18" s="1442"/>
    </row>
    <row r="19" spans="1:20" ht="15" customHeight="1">
      <c r="A19" s="1287" t="s">
        <v>279</v>
      </c>
      <c r="B19" s="117"/>
      <c r="C19" s="117"/>
      <c r="D19" s="117"/>
      <c r="E19" s="1102"/>
      <c r="F19" s="1268"/>
      <c r="G19" s="1268"/>
      <c r="H19" s="1268"/>
      <c r="I19" s="30" t="s">
        <v>280</v>
      </c>
      <c r="J19" s="30"/>
      <c r="K19" s="30"/>
      <c r="L19" s="30"/>
      <c r="M19" s="30"/>
      <c r="N19" s="1268"/>
      <c r="O19" s="1443"/>
      <c r="P19" s="1444" t="s">
        <v>281</v>
      </c>
      <c r="Q19" s="1445"/>
      <c r="R19" s="1446"/>
      <c r="S19" s="1447"/>
    </row>
    <row r="20" spans="1:20" ht="21.95" customHeight="1">
      <c r="A20" s="1448" t="s">
        <v>203</v>
      </c>
      <c r="B20" s="30" t="s">
        <v>204</v>
      </c>
      <c r="C20" s="30"/>
      <c r="D20" s="30"/>
      <c r="E20" s="30"/>
      <c r="F20" s="30"/>
      <c r="G20" s="30"/>
      <c r="H20" s="30"/>
      <c r="I20" s="1220"/>
      <c r="J20" s="1221"/>
      <c r="K20" s="1221"/>
      <c r="L20" s="1221"/>
      <c r="M20" s="1449"/>
      <c r="N20" s="31" t="s">
        <v>230</v>
      </c>
      <c r="O20" s="32"/>
      <c r="P20" s="465"/>
      <c r="Q20" s="465"/>
      <c r="R20" s="462"/>
      <c r="S20" s="497"/>
    </row>
    <row r="21" spans="1:20" ht="21.95" customHeight="1" thickBot="1">
      <c r="A21" s="1450"/>
      <c r="B21" s="16" t="s">
        <v>204</v>
      </c>
      <c r="C21" s="16"/>
      <c r="D21" s="16"/>
      <c r="E21" s="16"/>
      <c r="F21" s="16"/>
      <c r="G21" s="16"/>
      <c r="H21" s="16"/>
      <c r="I21" s="1406"/>
      <c r="J21" s="1407"/>
      <c r="K21" s="1407"/>
      <c r="L21" s="1407"/>
      <c r="M21" s="1408"/>
      <c r="N21" s="1451" t="s">
        <v>205</v>
      </c>
      <c r="O21" s="808"/>
      <c r="P21" s="1407"/>
      <c r="Q21" s="1407"/>
      <c r="R21" s="1407"/>
      <c r="S21" s="1452"/>
    </row>
    <row r="22" spans="1:20" s="2" customFormat="1" ht="15" customHeight="1">
      <c r="A22" s="530" t="s">
        <v>111</v>
      </c>
      <c r="B22" s="1453" t="s">
        <v>282</v>
      </c>
      <c r="C22" s="1453"/>
      <c r="D22" s="1453"/>
      <c r="E22" s="1453"/>
      <c r="F22" s="1453"/>
      <c r="G22" s="1453"/>
      <c r="H22" s="1453"/>
      <c r="I22" s="1453"/>
      <c r="J22" s="1453"/>
      <c r="K22" s="1453"/>
      <c r="L22" s="1453"/>
      <c r="M22" s="1453"/>
      <c r="N22" s="1454"/>
      <c r="O22" s="1455" t="s">
        <v>283</v>
      </c>
      <c r="P22" s="1455"/>
      <c r="Q22" s="1456"/>
      <c r="R22" s="1455" t="s">
        <v>284</v>
      </c>
      <c r="S22" s="1457"/>
      <c r="T22" s="386"/>
    </row>
    <row r="23" spans="1:20" s="2" customFormat="1" ht="15" customHeight="1">
      <c r="A23" s="533"/>
      <c r="B23" s="1458" t="s">
        <v>112</v>
      </c>
      <c r="C23" s="1458"/>
      <c r="D23" s="1458"/>
      <c r="E23" s="1458"/>
      <c r="F23" s="1458"/>
      <c r="G23" s="1458"/>
      <c r="H23" s="1458"/>
      <c r="I23" s="1458"/>
      <c r="J23" s="1458"/>
      <c r="K23" s="1458"/>
      <c r="L23" s="1458"/>
      <c r="M23" s="1458"/>
      <c r="N23" s="1458"/>
      <c r="O23" s="1458"/>
      <c r="P23" s="1458"/>
      <c r="Q23" s="1458"/>
      <c r="R23" s="1458"/>
      <c r="S23" s="1459"/>
      <c r="T23" s="386"/>
    </row>
    <row r="24" spans="1:20" ht="15" customHeight="1">
      <c r="A24" s="533"/>
      <c r="B24" s="608" t="s">
        <v>33</v>
      </c>
      <c r="C24" s="608"/>
      <c r="D24" s="608"/>
      <c r="E24" s="608"/>
      <c r="F24" s="608"/>
      <c r="G24" s="608"/>
      <c r="H24" s="608"/>
      <c r="I24" s="608"/>
      <c r="J24" s="608"/>
      <c r="K24" s="566"/>
      <c r="L24" s="29" t="s">
        <v>192</v>
      </c>
      <c r="M24" s="29"/>
      <c r="N24" s="29" t="s">
        <v>256</v>
      </c>
      <c r="O24" s="29"/>
      <c r="P24" s="29" t="s">
        <v>115</v>
      </c>
      <c r="Q24" s="29"/>
      <c r="R24" s="29" t="s">
        <v>114</v>
      </c>
      <c r="S24" s="1364"/>
    </row>
    <row r="25" spans="1:20" ht="15" customHeight="1">
      <c r="A25" s="533"/>
      <c r="B25" s="121"/>
      <c r="C25" s="121"/>
      <c r="D25" s="121"/>
      <c r="E25" s="121"/>
      <c r="F25" s="121"/>
      <c r="G25" s="121"/>
      <c r="H25" s="121"/>
      <c r="I25" s="121"/>
      <c r="J25" s="121"/>
      <c r="K25" s="492"/>
      <c r="L25" s="13" t="s">
        <v>285</v>
      </c>
      <c r="M25" s="13" t="s">
        <v>286</v>
      </c>
      <c r="N25" s="13" t="s">
        <v>285</v>
      </c>
      <c r="O25" s="13" t="s">
        <v>286</v>
      </c>
      <c r="P25" s="13" t="s">
        <v>285</v>
      </c>
      <c r="Q25" s="13" t="s">
        <v>286</v>
      </c>
      <c r="R25" s="13" t="s">
        <v>285</v>
      </c>
      <c r="S25" s="1365" t="s">
        <v>286</v>
      </c>
    </row>
    <row r="26" spans="1:20" ht="17.100000000000001" customHeight="1">
      <c r="A26" s="533"/>
      <c r="B26" s="1460"/>
      <c r="C26" s="485" t="s">
        <v>287</v>
      </c>
      <c r="D26" s="485"/>
      <c r="E26" s="485"/>
      <c r="F26" s="485"/>
      <c r="G26" s="1461"/>
      <c r="H26" s="116" t="s">
        <v>86</v>
      </c>
      <c r="I26" s="117"/>
      <c r="J26" s="117"/>
      <c r="K26" s="117"/>
      <c r="L26" s="13"/>
      <c r="M26" s="13"/>
      <c r="N26" s="13"/>
      <c r="O26" s="13"/>
      <c r="P26" s="13"/>
      <c r="Q26" s="13"/>
      <c r="R26" s="13"/>
      <c r="S26" s="1365"/>
    </row>
    <row r="27" spans="1:20" ht="17.100000000000001" customHeight="1">
      <c r="A27" s="533"/>
      <c r="B27" s="1460"/>
      <c r="C27" s="1462"/>
      <c r="D27" s="1462"/>
      <c r="E27" s="1462"/>
      <c r="F27" s="1462"/>
      <c r="G27" s="1463"/>
      <c r="H27" s="116" t="s">
        <v>46</v>
      </c>
      <c r="I27" s="117"/>
      <c r="J27" s="117"/>
      <c r="K27" s="117"/>
      <c r="L27" s="13"/>
      <c r="M27" s="13"/>
      <c r="N27" s="1367"/>
      <c r="O27" s="1367"/>
      <c r="P27" s="1367"/>
      <c r="Q27" s="1367"/>
      <c r="R27" s="1367"/>
      <c r="S27" s="1464"/>
    </row>
    <row r="28" spans="1:20" s="1471" customFormat="1" ht="15" customHeight="1">
      <c r="A28" s="533"/>
      <c r="B28" s="1465"/>
      <c r="C28" s="1466" t="s">
        <v>259</v>
      </c>
      <c r="D28" s="1467"/>
      <c r="E28" s="1467"/>
      <c r="F28" s="1467"/>
      <c r="G28" s="1467"/>
      <c r="H28" s="1467"/>
      <c r="I28" s="1467"/>
      <c r="J28" s="1467"/>
      <c r="K28" s="1468"/>
      <c r="L28" s="1469"/>
      <c r="M28" s="1470"/>
      <c r="N28" s="30"/>
      <c r="O28" s="30"/>
      <c r="P28" s="30"/>
      <c r="Q28" s="30"/>
      <c r="R28" s="30"/>
      <c r="S28" s="30"/>
    </row>
    <row r="29" spans="1:20" ht="15" customHeight="1">
      <c r="A29" s="533"/>
      <c r="B29" s="1472"/>
      <c r="C29" s="1473"/>
      <c r="D29" s="1473"/>
      <c r="E29" s="1473"/>
      <c r="F29" s="1473"/>
      <c r="G29" s="1473"/>
      <c r="H29" s="1473"/>
      <c r="I29" s="1473"/>
      <c r="J29" s="1473"/>
      <c r="K29" s="1474"/>
      <c r="L29" s="30" t="s">
        <v>288</v>
      </c>
      <c r="M29" s="30"/>
      <c r="N29" s="29" t="s">
        <v>116</v>
      </c>
      <c r="O29" s="29"/>
      <c r="P29" s="68" t="s">
        <v>289</v>
      </c>
      <c r="Q29" s="68"/>
      <c r="R29" s="1475" t="s">
        <v>290</v>
      </c>
      <c r="S29" s="1476"/>
    </row>
    <row r="30" spans="1:20" ht="15" customHeight="1">
      <c r="A30" s="533"/>
      <c r="B30" s="1472"/>
      <c r="C30" s="1477"/>
      <c r="D30" s="1477"/>
      <c r="E30" s="1477"/>
      <c r="F30" s="1477"/>
      <c r="G30" s="1477"/>
      <c r="H30" s="1477"/>
      <c r="I30" s="1477"/>
      <c r="J30" s="1477"/>
      <c r="K30" s="1478"/>
      <c r="L30" s="13" t="s">
        <v>285</v>
      </c>
      <c r="M30" s="13" t="s">
        <v>286</v>
      </c>
      <c r="N30" s="13" t="s">
        <v>285</v>
      </c>
      <c r="O30" s="13" t="s">
        <v>286</v>
      </c>
      <c r="P30" s="13" t="s">
        <v>285</v>
      </c>
      <c r="Q30" s="13" t="s">
        <v>286</v>
      </c>
      <c r="R30" s="363"/>
      <c r="S30" s="1479"/>
    </row>
    <row r="31" spans="1:20" ht="17.100000000000001" customHeight="1">
      <c r="A31" s="533"/>
      <c r="B31" s="1460"/>
      <c r="C31" s="485" t="s">
        <v>287</v>
      </c>
      <c r="D31" s="485"/>
      <c r="E31" s="485"/>
      <c r="F31" s="485"/>
      <c r="G31" s="1461"/>
      <c r="H31" s="116" t="s">
        <v>86</v>
      </c>
      <c r="I31" s="117"/>
      <c r="J31" s="117"/>
      <c r="K31" s="117"/>
      <c r="L31" s="13"/>
      <c r="M31" s="13"/>
      <c r="N31" s="13"/>
      <c r="O31" s="13"/>
      <c r="P31" s="13"/>
      <c r="Q31" s="13"/>
      <c r="R31" s="1049"/>
      <c r="S31" s="1050"/>
    </row>
    <row r="32" spans="1:20" ht="17.100000000000001" customHeight="1">
      <c r="A32" s="533"/>
      <c r="B32" s="1460"/>
      <c r="C32" s="1462"/>
      <c r="D32" s="1462"/>
      <c r="E32" s="1462"/>
      <c r="F32" s="1462"/>
      <c r="G32" s="1463"/>
      <c r="H32" s="116" t="s">
        <v>46</v>
      </c>
      <c r="I32" s="117"/>
      <c r="J32" s="117"/>
      <c r="K32" s="117"/>
      <c r="L32" s="1367"/>
      <c r="M32" s="1367"/>
      <c r="N32" s="1367"/>
      <c r="O32" s="1367"/>
      <c r="P32" s="1480"/>
      <c r="Q32" s="1480"/>
      <c r="R32" s="1049"/>
      <c r="S32" s="1050"/>
    </row>
    <row r="33" spans="1:22" s="1471" customFormat="1" ht="15" customHeight="1">
      <c r="A33" s="533"/>
      <c r="B33" s="1481"/>
      <c r="C33" s="1466" t="s">
        <v>259</v>
      </c>
      <c r="D33" s="1467"/>
      <c r="E33" s="1467"/>
      <c r="F33" s="1467"/>
      <c r="G33" s="1467"/>
      <c r="H33" s="1467"/>
      <c r="I33" s="1467"/>
      <c r="J33" s="1467"/>
      <c r="K33" s="1467"/>
      <c r="L33" s="30"/>
      <c r="M33" s="30"/>
      <c r="N33" s="30"/>
      <c r="O33" s="30"/>
      <c r="P33" s="566"/>
      <c r="Q33" s="30"/>
      <c r="R33" s="1049"/>
      <c r="S33" s="1050"/>
    </row>
    <row r="34" spans="1:22" ht="15" customHeight="1">
      <c r="A34" s="533"/>
      <c r="B34" s="820" t="s">
        <v>291</v>
      </c>
      <c r="C34" s="820"/>
      <c r="D34" s="820"/>
      <c r="E34" s="820"/>
      <c r="F34" s="820"/>
      <c r="G34" s="820"/>
      <c r="H34" s="820"/>
      <c r="I34" s="1482"/>
      <c r="J34" s="1467"/>
      <c r="K34" s="1467"/>
      <c r="L34" s="1483" t="s">
        <v>178</v>
      </c>
      <c r="M34" s="548" t="s">
        <v>292</v>
      </c>
      <c r="N34" s="549"/>
      <c r="O34" s="549"/>
      <c r="P34" s="32"/>
      <c r="Q34" s="1484"/>
      <c r="R34" s="820" t="s">
        <v>293</v>
      </c>
      <c r="S34" s="1147"/>
    </row>
    <row r="35" spans="1:22" ht="15" customHeight="1">
      <c r="A35" s="533"/>
      <c r="B35" s="525" t="s">
        <v>166</v>
      </c>
      <c r="C35" s="525"/>
      <c r="D35" s="525"/>
      <c r="E35" s="525"/>
      <c r="F35" s="525"/>
      <c r="G35" s="525"/>
      <c r="H35" s="525"/>
      <c r="I35" s="525"/>
      <c r="J35" s="525"/>
      <c r="K35" s="525"/>
      <c r="L35" s="1117"/>
      <c r="M35" s="1117"/>
      <c r="N35" s="1117"/>
      <c r="O35" s="1117"/>
      <c r="P35" s="525"/>
      <c r="Q35" s="525"/>
      <c r="R35" s="525"/>
      <c r="S35" s="526"/>
    </row>
    <row r="36" spans="1:22" ht="15" customHeight="1">
      <c r="A36" s="533"/>
      <c r="B36" s="1485"/>
      <c r="C36" s="1485"/>
      <c r="D36" s="1485"/>
      <c r="E36" s="1485"/>
      <c r="F36" s="1485"/>
      <c r="G36" s="1485"/>
      <c r="H36" s="1485"/>
      <c r="I36" s="1485"/>
      <c r="J36" s="1485"/>
      <c r="K36" s="1486"/>
      <c r="L36" s="1487" t="s">
        <v>294</v>
      </c>
      <c r="M36" s="1488"/>
      <c r="N36" s="1489"/>
      <c r="O36" s="99" t="s">
        <v>295</v>
      </c>
      <c r="P36" s="99"/>
      <c r="Q36" s="99"/>
      <c r="R36" s="99"/>
      <c r="S36" s="1490"/>
    </row>
    <row r="37" spans="1:22" ht="15" customHeight="1">
      <c r="A37" s="533"/>
      <c r="B37" s="59" t="s">
        <v>296</v>
      </c>
      <c r="C37" s="1356" t="s">
        <v>297</v>
      </c>
      <c r="D37" s="1356"/>
      <c r="E37" s="1356"/>
      <c r="F37" s="1356"/>
      <c r="G37" s="1356"/>
      <c r="H37" s="1356"/>
      <c r="I37" s="1356"/>
      <c r="J37" s="1356"/>
      <c r="K37" s="1356"/>
      <c r="L37" s="1491"/>
      <c r="M37" s="1492"/>
      <c r="N37" s="1493" t="s">
        <v>172</v>
      </c>
      <c r="O37" s="1491"/>
      <c r="P37" s="1492"/>
      <c r="Q37" s="1493" t="s">
        <v>172</v>
      </c>
      <c r="R37" s="1494"/>
      <c r="S37" s="1490"/>
    </row>
    <row r="38" spans="1:22" ht="15" customHeight="1">
      <c r="A38" s="533"/>
      <c r="B38" s="59"/>
      <c r="C38" s="1359" t="s">
        <v>298</v>
      </c>
      <c r="D38" s="1359"/>
      <c r="E38" s="1359"/>
      <c r="F38" s="1359"/>
      <c r="G38" s="1359"/>
      <c r="H38" s="1359"/>
      <c r="I38" s="1359"/>
      <c r="J38" s="1359"/>
      <c r="K38" s="1359"/>
      <c r="L38" s="1491"/>
      <c r="M38" s="1492"/>
      <c r="N38" s="1493" t="s">
        <v>177</v>
      </c>
      <c r="O38" s="1491"/>
      <c r="P38" s="1492"/>
      <c r="Q38" s="1493" t="s">
        <v>177</v>
      </c>
      <c r="R38" s="1494"/>
      <c r="S38" s="1490"/>
    </row>
    <row r="39" spans="1:22" ht="15" customHeight="1">
      <c r="A39" s="533"/>
      <c r="B39" s="1097" t="s">
        <v>299</v>
      </c>
      <c r="C39" s="1009"/>
      <c r="D39" s="1009"/>
      <c r="E39" s="1009"/>
      <c r="F39" s="1009"/>
      <c r="G39" s="1009"/>
      <c r="H39" s="1009"/>
      <c r="I39" s="1009"/>
      <c r="J39" s="1009"/>
      <c r="K39" s="1009"/>
      <c r="L39" s="1491"/>
      <c r="M39" s="1492"/>
      <c r="N39" s="1493" t="s">
        <v>177</v>
      </c>
      <c r="O39" s="1491"/>
      <c r="P39" s="1492"/>
      <c r="Q39" s="1493" t="s">
        <v>177</v>
      </c>
      <c r="R39" s="1494"/>
      <c r="S39" s="1490"/>
    </row>
    <row r="40" spans="1:22" ht="15" customHeight="1">
      <c r="A40" s="533"/>
      <c r="B40" s="119" t="s">
        <v>300</v>
      </c>
      <c r="C40" s="1495" t="s">
        <v>301</v>
      </c>
      <c r="D40" s="1359"/>
      <c r="E40" s="1359"/>
      <c r="F40" s="1359"/>
      <c r="G40" s="1359"/>
      <c r="H40" s="1359"/>
      <c r="I40" s="1359"/>
      <c r="J40" s="1359"/>
      <c r="K40" s="1359"/>
      <c r="L40" s="1491"/>
      <c r="M40" s="1492"/>
      <c r="N40" s="1493" t="s">
        <v>302</v>
      </c>
      <c r="O40" s="1491"/>
      <c r="P40" s="1492"/>
      <c r="Q40" s="1493" t="s">
        <v>302</v>
      </c>
      <c r="R40" s="1494"/>
      <c r="S40" s="1490"/>
      <c r="T40" s="1496"/>
      <c r="U40" s="1497"/>
      <c r="V40" s="1497"/>
    </row>
    <row r="41" spans="1:22" ht="15" customHeight="1">
      <c r="A41" s="533"/>
      <c r="B41" s="128"/>
      <c r="C41" s="1495" t="s">
        <v>303</v>
      </c>
      <c r="D41" s="1359"/>
      <c r="E41" s="1359"/>
      <c r="F41" s="1359"/>
      <c r="G41" s="1359"/>
      <c r="H41" s="1359"/>
      <c r="I41" s="1359"/>
      <c r="J41" s="1359"/>
      <c r="K41" s="1359"/>
      <c r="L41" s="1491"/>
      <c r="M41" s="1492"/>
      <c r="N41" s="1493" t="s">
        <v>302</v>
      </c>
      <c r="O41" s="1491"/>
      <c r="P41" s="1492"/>
      <c r="Q41" s="1493" t="s">
        <v>302</v>
      </c>
      <c r="R41" s="1494"/>
      <c r="S41" s="1490"/>
      <c r="T41" s="1496"/>
      <c r="U41" s="1497"/>
      <c r="V41" s="1497"/>
    </row>
    <row r="42" spans="1:22" ht="15" customHeight="1">
      <c r="A42" s="533"/>
      <c r="B42" s="1498" t="s">
        <v>216</v>
      </c>
      <c r="C42" s="1499"/>
      <c r="D42" s="1499"/>
      <c r="E42" s="1499"/>
      <c r="F42" s="1499"/>
      <c r="G42" s="1499"/>
      <c r="H42" s="1499"/>
      <c r="I42" s="1499"/>
      <c r="J42" s="1499"/>
      <c r="K42" s="1500"/>
      <c r="L42" s="1501"/>
      <c r="M42" s="1502"/>
      <c r="N42" s="1502"/>
      <c r="O42" s="1502"/>
      <c r="P42" s="1502"/>
      <c r="Q42" s="1502"/>
      <c r="R42" s="1502"/>
      <c r="S42" s="1503"/>
      <c r="T42" s="1504"/>
      <c r="U42" s="1505"/>
      <c r="V42" s="1506"/>
    </row>
    <row r="43" spans="1:22" ht="15" customHeight="1" thickBot="1">
      <c r="A43" s="575"/>
      <c r="B43" s="528" t="s">
        <v>304</v>
      </c>
      <c r="C43" s="528"/>
      <c r="D43" s="528"/>
      <c r="E43" s="528"/>
      <c r="F43" s="528"/>
      <c r="G43" s="528"/>
      <c r="H43" s="528"/>
      <c r="I43" s="158"/>
      <c r="J43" s="1507"/>
      <c r="K43" s="1507"/>
      <c r="L43" s="1508" t="s">
        <v>178</v>
      </c>
      <c r="M43" s="1509"/>
      <c r="N43" s="1507"/>
      <c r="O43" s="1507"/>
      <c r="P43" s="1507"/>
      <c r="Q43" s="1507"/>
      <c r="R43" s="1507"/>
      <c r="S43" s="1510"/>
      <c r="T43" s="1496"/>
      <c r="U43" s="1497"/>
      <c r="V43" s="1497"/>
    </row>
    <row r="44" spans="1:22" s="2" customFormat="1" ht="15" customHeight="1">
      <c r="A44" s="530" t="s">
        <v>139</v>
      </c>
      <c r="B44" s="1453" t="s">
        <v>282</v>
      </c>
      <c r="C44" s="1453"/>
      <c r="D44" s="1453"/>
      <c r="E44" s="1453"/>
      <c r="F44" s="1453"/>
      <c r="G44" s="1453"/>
      <c r="H44" s="1453"/>
      <c r="I44" s="1453"/>
      <c r="J44" s="1453"/>
      <c r="K44" s="1453"/>
      <c r="L44" s="1453"/>
      <c r="M44" s="1453"/>
      <c r="N44" s="1454"/>
      <c r="O44" s="1455" t="s">
        <v>283</v>
      </c>
      <c r="P44" s="1455"/>
      <c r="Q44" s="1456"/>
      <c r="R44" s="1455" t="s">
        <v>284</v>
      </c>
      <c r="S44" s="1457"/>
      <c r="T44" s="386"/>
    </row>
    <row r="45" spans="1:22" s="2" customFormat="1" ht="15" customHeight="1">
      <c r="A45" s="533"/>
      <c r="B45" s="1458" t="s">
        <v>112</v>
      </c>
      <c r="C45" s="1458"/>
      <c r="D45" s="1458"/>
      <c r="E45" s="1458"/>
      <c r="F45" s="1458"/>
      <c r="G45" s="1458"/>
      <c r="H45" s="1458"/>
      <c r="I45" s="1458"/>
      <c r="J45" s="1458"/>
      <c r="K45" s="1458"/>
      <c r="L45" s="1458"/>
      <c r="M45" s="1458"/>
      <c r="N45" s="1458"/>
      <c r="O45" s="1458"/>
      <c r="P45" s="1458"/>
      <c r="Q45" s="1458"/>
      <c r="R45" s="1458"/>
      <c r="S45" s="1459"/>
      <c r="T45" s="386"/>
    </row>
    <row r="46" spans="1:22" ht="15" customHeight="1">
      <c r="A46" s="533"/>
      <c r="B46" s="608" t="s">
        <v>33</v>
      </c>
      <c r="C46" s="608"/>
      <c r="D46" s="608"/>
      <c r="E46" s="608"/>
      <c r="F46" s="608"/>
      <c r="G46" s="608"/>
      <c r="H46" s="608"/>
      <c r="I46" s="608"/>
      <c r="J46" s="608"/>
      <c r="K46" s="566"/>
      <c r="L46" s="29" t="s">
        <v>192</v>
      </c>
      <c r="M46" s="29"/>
      <c r="N46" s="29" t="s">
        <v>256</v>
      </c>
      <c r="O46" s="29"/>
      <c r="P46" s="29" t="s">
        <v>115</v>
      </c>
      <c r="Q46" s="29"/>
      <c r="R46" s="29" t="s">
        <v>114</v>
      </c>
      <c r="S46" s="1364"/>
    </row>
    <row r="47" spans="1:22" ht="15" customHeight="1">
      <c r="A47" s="533"/>
      <c r="B47" s="121"/>
      <c r="C47" s="121"/>
      <c r="D47" s="121"/>
      <c r="E47" s="121"/>
      <c r="F47" s="121"/>
      <c r="G47" s="121"/>
      <c r="H47" s="121"/>
      <c r="I47" s="121"/>
      <c r="J47" s="121"/>
      <c r="K47" s="492"/>
      <c r="L47" s="13" t="s">
        <v>285</v>
      </c>
      <c r="M47" s="13" t="s">
        <v>286</v>
      </c>
      <c r="N47" s="13" t="s">
        <v>285</v>
      </c>
      <c r="O47" s="13" t="s">
        <v>286</v>
      </c>
      <c r="P47" s="13" t="s">
        <v>285</v>
      </c>
      <c r="Q47" s="13" t="s">
        <v>286</v>
      </c>
      <c r="R47" s="13" t="s">
        <v>285</v>
      </c>
      <c r="S47" s="1365" t="s">
        <v>286</v>
      </c>
    </row>
    <row r="48" spans="1:22" ht="17.100000000000001" customHeight="1">
      <c r="A48" s="533"/>
      <c r="B48" s="1460"/>
      <c r="C48" s="485" t="s">
        <v>287</v>
      </c>
      <c r="D48" s="485"/>
      <c r="E48" s="485"/>
      <c r="F48" s="485"/>
      <c r="G48" s="1461"/>
      <c r="H48" s="116" t="s">
        <v>86</v>
      </c>
      <c r="I48" s="117"/>
      <c r="J48" s="117"/>
      <c r="K48" s="117"/>
      <c r="L48" s="13"/>
      <c r="M48" s="13"/>
      <c r="N48" s="13"/>
      <c r="O48" s="13"/>
      <c r="P48" s="13"/>
      <c r="Q48" s="13"/>
      <c r="R48" s="13"/>
      <c r="S48" s="1365"/>
    </row>
    <row r="49" spans="1:22" ht="17.100000000000001" customHeight="1">
      <c r="A49" s="533"/>
      <c r="B49" s="1460"/>
      <c r="C49" s="1462"/>
      <c r="D49" s="1462"/>
      <c r="E49" s="1462"/>
      <c r="F49" s="1462"/>
      <c r="G49" s="1463"/>
      <c r="H49" s="116" t="s">
        <v>46</v>
      </c>
      <c r="I49" s="117"/>
      <c r="J49" s="117"/>
      <c r="K49" s="117"/>
      <c r="L49" s="13"/>
      <c r="M49" s="13"/>
      <c r="N49" s="1367"/>
      <c r="O49" s="1367"/>
      <c r="P49" s="1367"/>
      <c r="Q49" s="1367"/>
      <c r="R49" s="1367"/>
      <c r="S49" s="1464"/>
    </row>
    <row r="50" spans="1:22" s="1471" customFormat="1" ht="15" customHeight="1">
      <c r="A50" s="533"/>
      <c r="B50" s="1465"/>
      <c r="C50" s="1466" t="s">
        <v>259</v>
      </c>
      <c r="D50" s="1467"/>
      <c r="E50" s="1467"/>
      <c r="F50" s="1467"/>
      <c r="G50" s="1467"/>
      <c r="H50" s="1467"/>
      <c r="I50" s="1467"/>
      <c r="J50" s="1467"/>
      <c r="K50" s="1468"/>
      <c r="L50" s="1469"/>
      <c r="M50" s="1470"/>
      <c r="N50" s="30"/>
      <c r="O50" s="30"/>
      <c r="P50" s="30"/>
      <c r="Q50" s="30"/>
      <c r="R50" s="30"/>
      <c r="S50" s="1511"/>
    </row>
    <row r="51" spans="1:22" ht="15" customHeight="1">
      <c r="A51" s="533"/>
      <c r="B51" s="1472"/>
      <c r="C51" s="1473"/>
      <c r="D51" s="1473"/>
      <c r="E51" s="1473"/>
      <c r="F51" s="1473"/>
      <c r="G51" s="1473"/>
      <c r="H51" s="1473"/>
      <c r="I51" s="1473"/>
      <c r="J51" s="1473"/>
      <c r="K51" s="1474"/>
      <c r="L51" s="30" t="s">
        <v>288</v>
      </c>
      <c r="M51" s="30"/>
      <c r="N51" s="29" t="s">
        <v>116</v>
      </c>
      <c r="O51" s="29"/>
      <c r="P51" s="68" t="s">
        <v>289</v>
      </c>
      <c r="Q51" s="68"/>
      <c r="R51" s="1475" t="s">
        <v>290</v>
      </c>
      <c r="S51" s="1476"/>
    </row>
    <row r="52" spans="1:22" ht="15" customHeight="1">
      <c r="A52" s="533"/>
      <c r="B52" s="1472"/>
      <c r="C52" s="1477"/>
      <c r="D52" s="1477"/>
      <c r="E52" s="1477"/>
      <c r="F52" s="1477"/>
      <c r="G52" s="1477"/>
      <c r="H52" s="1477"/>
      <c r="I52" s="1477"/>
      <c r="J52" s="1477"/>
      <c r="K52" s="1478"/>
      <c r="L52" s="13" t="s">
        <v>285</v>
      </c>
      <c r="M52" s="13" t="s">
        <v>286</v>
      </c>
      <c r="N52" s="13" t="s">
        <v>285</v>
      </c>
      <c r="O52" s="13" t="s">
        <v>286</v>
      </c>
      <c r="P52" s="13" t="s">
        <v>285</v>
      </c>
      <c r="Q52" s="13" t="s">
        <v>286</v>
      </c>
      <c r="R52" s="363"/>
      <c r="S52" s="1479"/>
    </row>
    <row r="53" spans="1:22" ht="17.100000000000001" customHeight="1">
      <c r="A53" s="533"/>
      <c r="B53" s="1460"/>
      <c r="C53" s="485" t="s">
        <v>287</v>
      </c>
      <c r="D53" s="485"/>
      <c r="E53" s="485"/>
      <c r="F53" s="485"/>
      <c r="G53" s="1461"/>
      <c r="H53" s="116" t="s">
        <v>86</v>
      </c>
      <c r="I53" s="117"/>
      <c r="J53" s="117"/>
      <c r="K53" s="117"/>
      <c r="L53" s="13"/>
      <c r="M53" s="13"/>
      <c r="N53" s="13"/>
      <c r="O53" s="13"/>
      <c r="P53" s="13"/>
      <c r="Q53" s="13"/>
      <c r="R53" s="1049"/>
      <c r="S53" s="1050"/>
    </row>
    <row r="54" spans="1:22" ht="17.100000000000001" customHeight="1">
      <c r="A54" s="533"/>
      <c r="B54" s="1460"/>
      <c r="C54" s="1462"/>
      <c r="D54" s="1462"/>
      <c r="E54" s="1462"/>
      <c r="F54" s="1462"/>
      <c r="G54" s="1463"/>
      <c r="H54" s="116" t="s">
        <v>46</v>
      </c>
      <c r="I54" s="117"/>
      <c r="J54" s="117"/>
      <c r="K54" s="117"/>
      <c r="L54" s="1367"/>
      <c r="M54" s="1367"/>
      <c r="N54" s="1367"/>
      <c r="O54" s="1367"/>
      <c r="P54" s="1480"/>
      <c r="Q54" s="1480"/>
      <c r="R54" s="1049"/>
      <c r="S54" s="1050"/>
    </row>
    <row r="55" spans="1:22" s="1471" customFormat="1" ht="15" customHeight="1">
      <c r="A55" s="533"/>
      <c r="B55" s="1481"/>
      <c r="C55" s="1466" t="s">
        <v>259</v>
      </c>
      <c r="D55" s="1467"/>
      <c r="E55" s="1467"/>
      <c r="F55" s="1467"/>
      <c r="G55" s="1467"/>
      <c r="H55" s="1467"/>
      <c r="I55" s="1467"/>
      <c r="J55" s="1467"/>
      <c r="K55" s="1467"/>
      <c r="L55" s="30"/>
      <c r="M55" s="30"/>
      <c r="N55" s="30"/>
      <c r="O55" s="30"/>
      <c r="P55" s="566"/>
      <c r="Q55" s="30"/>
      <c r="R55" s="1049"/>
      <c r="S55" s="1050"/>
    </row>
    <row r="56" spans="1:22" ht="15" customHeight="1">
      <c r="A56" s="533"/>
      <c r="B56" s="820" t="s">
        <v>291</v>
      </c>
      <c r="C56" s="820"/>
      <c r="D56" s="820"/>
      <c r="E56" s="820"/>
      <c r="F56" s="820"/>
      <c r="G56" s="820"/>
      <c r="H56" s="820"/>
      <c r="I56" s="1482"/>
      <c r="J56" s="1467"/>
      <c r="K56" s="1467"/>
      <c r="L56" s="1483" t="s">
        <v>178</v>
      </c>
      <c r="M56" s="548" t="s">
        <v>292</v>
      </c>
      <c r="N56" s="549"/>
      <c r="O56" s="549"/>
      <c r="P56" s="32"/>
      <c r="Q56" s="1484"/>
      <c r="R56" s="820" t="s">
        <v>293</v>
      </c>
      <c r="S56" s="1147"/>
    </row>
    <row r="57" spans="1:22" ht="15" customHeight="1">
      <c r="A57" s="533"/>
      <c r="B57" s="525" t="s">
        <v>166</v>
      </c>
      <c r="C57" s="525"/>
      <c r="D57" s="525"/>
      <c r="E57" s="525"/>
      <c r="F57" s="525"/>
      <c r="G57" s="525"/>
      <c r="H57" s="525"/>
      <c r="I57" s="525"/>
      <c r="J57" s="525"/>
      <c r="K57" s="525"/>
      <c r="L57" s="1117"/>
      <c r="M57" s="1117"/>
      <c r="N57" s="1117"/>
      <c r="O57" s="1117"/>
      <c r="P57" s="525"/>
      <c r="Q57" s="525"/>
      <c r="R57" s="525"/>
      <c r="S57" s="526"/>
    </row>
    <row r="58" spans="1:22" ht="15" customHeight="1">
      <c r="A58" s="533"/>
      <c r="B58" s="1512"/>
      <c r="C58" s="1512"/>
      <c r="D58" s="1512"/>
      <c r="E58" s="1512"/>
      <c r="F58" s="1512"/>
      <c r="G58" s="1512"/>
      <c r="H58" s="1512"/>
      <c r="I58" s="1512"/>
      <c r="J58" s="1512"/>
      <c r="K58" s="1513"/>
      <c r="L58" s="1514" t="s">
        <v>294</v>
      </c>
      <c r="M58" s="1126"/>
      <c r="N58" s="1127"/>
      <c r="O58" s="30" t="s">
        <v>295</v>
      </c>
      <c r="P58" s="30"/>
      <c r="Q58" s="30"/>
      <c r="R58" s="30"/>
      <c r="S58" s="1050"/>
    </row>
    <row r="59" spans="1:22" ht="15" customHeight="1">
      <c r="A59" s="533"/>
      <c r="B59" s="32" t="s">
        <v>296</v>
      </c>
      <c r="C59" s="1221" t="s">
        <v>297</v>
      </c>
      <c r="D59" s="1221"/>
      <c r="E59" s="1221"/>
      <c r="F59" s="1221"/>
      <c r="G59" s="1221"/>
      <c r="H59" s="1221"/>
      <c r="I59" s="1221"/>
      <c r="J59" s="1221"/>
      <c r="K59" s="1221"/>
      <c r="L59" s="1112"/>
      <c r="M59" s="1113"/>
      <c r="N59" s="562" t="s">
        <v>172</v>
      </c>
      <c r="O59" s="1112"/>
      <c r="P59" s="1113"/>
      <c r="Q59" s="562" t="s">
        <v>172</v>
      </c>
      <c r="R59" s="1049"/>
      <c r="S59" s="1050"/>
    </row>
    <row r="60" spans="1:22" ht="15" customHeight="1">
      <c r="A60" s="533"/>
      <c r="B60" s="32"/>
      <c r="C60" s="465" t="s">
        <v>298</v>
      </c>
      <c r="D60" s="465"/>
      <c r="E60" s="465"/>
      <c r="F60" s="465"/>
      <c r="G60" s="465"/>
      <c r="H60" s="465"/>
      <c r="I60" s="465"/>
      <c r="J60" s="465"/>
      <c r="K60" s="465"/>
      <c r="L60" s="1112"/>
      <c r="M60" s="1113"/>
      <c r="N60" s="562" t="s">
        <v>177</v>
      </c>
      <c r="O60" s="1112"/>
      <c r="P60" s="1113"/>
      <c r="Q60" s="562" t="s">
        <v>177</v>
      </c>
      <c r="R60" s="1049"/>
      <c r="S60" s="1050"/>
    </row>
    <row r="61" spans="1:22" ht="15" customHeight="1">
      <c r="A61" s="533"/>
      <c r="B61" s="460" t="s">
        <v>299</v>
      </c>
      <c r="C61" s="117"/>
      <c r="D61" s="117"/>
      <c r="E61" s="117"/>
      <c r="F61" s="117"/>
      <c r="G61" s="117"/>
      <c r="H61" s="117"/>
      <c r="I61" s="117"/>
      <c r="J61" s="117"/>
      <c r="K61" s="117"/>
      <c r="L61" s="1112"/>
      <c r="M61" s="1113"/>
      <c r="N61" s="562" t="s">
        <v>177</v>
      </c>
      <c r="O61" s="1112"/>
      <c r="P61" s="1113"/>
      <c r="Q61" s="562" t="s">
        <v>177</v>
      </c>
      <c r="R61" s="1049"/>
      <c r="S61" s="1050"/>
    </row>
    <row r="62" spans="1:22" ht="15" customHeight="1">
      <c r="A62" s="533"/>
      <c r="B62" s="115" t="s">
        <v>300</v>
      </c>
      <c r="C62" s="464" t="s">
        <v>301</v>
      </c>
      <c r="D62" s="465"/>
      <c r="E62" s="465"/>
      <c r="F62" s="465"/>
      <c r="G62" s="465"/>
      <c r="H62" s="465"/>
      <c r="I62" s="465"/>
      <c r="J62" s="465"/>
      <c r="K62" s="465"/>
      <c r="L62" s="1112"/>
      <c r="M62" s="1113"/>
      <c r="N62" s="562" t="s">
        <v>302</v>
      </c>
      <c r="O62" s="1112"/>
      <c r="P62" s="1113"/>
      <c r="Q62" s="562" t="s">
        <v>302</v>
      </c>
      <c r="R62" s="1049"/>
      <c r="S62" s="1050"/>
    </row>
    <row r="63" spans="1:22" ht="15" customHeight="1">
      <c r="A63" s="533"/>
      <c r="B63" s="126"/>
      <c r="C63" s="464" t="s">
        <v>303</v>
      </c>
      <c r="D63" s="465"/>
      <c r="E63" s="465"/>
      <c r="F63" s="465"/>
      <c r="G63" s="465"/>
      <c r="H63" s="465"/>
      <c r="I63" s="465"/>
      <c r="J63" s="465"/>
      <c r="K63" s="465"/>
      <c r="L63" s="1112"/>
      <c r="M63" s="1113"/>
      <c r="N63" s="562" t="s">
        <v>302</v>
      </c>
      <c r="O63" s="1112"/>
      <c r="P63" s="1113"/>
      <c r="Q63" s="562" t="s">
        <v>302</v>
      </c>
      <c r="R63" s="1049"/>
      <c r="S63" s="1050"/>
    </row>
    <row r="64" spans="1:22" ht="18.75" customHeight="1">
      <c r="A64" s="533"/>
      <c r="B64" s="1498" t="s">
        <v>216</v>
      </c>
      <c r="C64" s="1499"/>
      <c r="D64" s="1499"/>
      <c r="E64" s="1499"/>
      <c r="F64" s="1499"/>
      <c r="G64" s="1499"/>
      <c r="H64" s="1499"/>
      <c r="I64" s="1499"/>
      <c r="J64" s="1499"/>
      <c r="K64" s="1500"/>
      <c r="L64" s="1501"/>
      <c r="M64" s="1502"/>
      <c r="N64" s="1502"/>
      <c r="O64" s="1502"/>
      <c r="P64" s="1502"/>
      <c r="Q64" s="1502"/>
      <c r="R64" s="1502"/>
      <c r="S64" s="1503"/>
      <c r="T64" s="1504"/>
      <c r="U64" s="1505"/>
      <c r="V64" s="1506"/>
    </row>
    <row r="65" spans="1:19" ht="15" customHeight="1" thickBot="1">
      <c r="A65" s="575"/>
      <c r="B65" s="528" t="s">
        <v>304</v>
      </c>
      <c r="C65" s="528"/>
      <c r="D65" s="528"/>
      <c r="E65" s="528"/>
      <c r="F65" s="528"/>
      <c r="G65" s="528"/>
      <c r="H65" s="528"/>
      <c r="I65" s="158"/>
      <c r="J65" s="528"/>
      <c r="K65" s="528"/>
      <c r="L65" s="1508" t="s">
        <v>178</v>
      </c>
      <c r="M65" s="1515"/>
      <c r="N65" s="528"/>
      <c r="O65" s="528"/>
      <c r="P65" s="528"/>
      <c r="Q65" s="528"/>
      <c r="R65" s="528"/>
      <c r="S65" s="1516"/>
    </row>
    <row r="66" spans="1:19" ht="15" customHeight="1" thickBot="1">
      <c r="A66" s="1517" t="s">
        <v>141</v>
      </c>
      <c r="B66" s="1507"/>
      <c r="C66" s="1507"/>
      <c r="D66" s="1507"/>
      <c r="E66" s="1507"/>
      <c r="F66" s="1507"/>
      <c r="G66" s="1518"/>
      <c r="H66" s="610" t="s">
        <v>49</v>
      </c>
      <c r="I66" s="610"/>
      <c r="J66" s="610"/>
      <c r="K66" s="610"/>
      <c r="L66" s="610"/>
      <c r="M66" s="610"/>
      <c r="N66" s="610"/>
      <c r="O66" s="610"/>
      <c r="P66" s="610"/>
      <c r="Q66" s="610"/>
      <c r="R66" s="610"/>
      <c r="S66" s="611"/>
    </row>
    <row r="67" spans="1:19" ht="12.75" customHeight="1"/>
    <row r="68" spans="1:19" s="2" customFormat="1" ht="17.100000000000001" customHeight="1">
      <c r="A68" s="2" t="s">
        <v>52</v>
      </c>
      <c r="B68" s="387" t="s">
        <v>305</v>
      </c>
      <c r="C68" s="1519"/>
      <c r="D68" s="1519"/>
      <c r="E68" s="1519"/>
      <c r="F68" s="1519"/>
      <c r="G68" s="1519"/>
      <c r="H68" s="1519"/>
      <c r="I68" s="1519"/>
      <c r="J68" s="1519"/>
      <c r="K68" s="1519"/>
      <c r="L68" s="1519"/>
      <c r="M68" s="1519"/>
      <c r="N68" s="1519"/>
      <c r="O68" s="1519"/>
      <c r="P68" s="1519"/>
      <c r="Q68" s="1519"/>
      <c r="R68" s="1519"/>
      <c r="S68" s="1519"/>
    </row>
    <row r="69" spans="1:19" s="2" customFormat="1" ht="17.100000000000001" customHeight="1">
      <c r="A69" s="1155"/>
      <c r="B69" s="1519"/>
      <c r="C69" s="1519"/>
      <c r="D69" s="1519"/>
      <c r="E69" s="1519"/>
      <c r="F69" s="1519"/>
      <c r="G69" s="1519"/>
      <c r="H69" s="1519"/>
      <c r="I69" s="1519"/>
      <c r="J69" s="1519"/>
      <c r="K69" s="1519"/>
      <c r="L69" s="1519"/>
      <c r="M69" s="1519"/>
      <c r="N69" s="1519"/>
      <c r="O69" s="1519"/>
      <c r="P69" s="1519"/>
      <c r="Q69" s="1519"/>
      <c r="R69" s="1519"/>
      <c r="S69" s="1519"/>
    </row>
    <row r="70" spans="1:19" s="2" customFormat="1" ht="17.100000000000001" customHeight="1">
      <c r="A70" s="1154"/>
      <c r="B70" s="1519"/>
      <c r="C70" s="1519"/>
      <c r="D70" s="1519"/>
      <c r="E70" s="1519"/>
      <c r="F70" s="1519"/>
      <c r="G70" s="1519"/>
      <c r="H70" s="1519"/>
      <c r="I70" s="1519"/>
      <c r="J70" s="1519"/>
      <c r="K70" s="1519"/>
      <c r="L70" s="1519"/>
      <c r="M70" s="1519"/>
      <c r="N70" s="1519"/>
      <c r="O70" s="1519"/>
      <c r="P70" s="1519"/>
      <c r="Q70" s="1519"/>
      <c r="R70" s="1519"/>
      <c r="S70" s="1519"/>
    </row>
    <row r="71" spans="1:19" s="2" customFormat="1" ht="17.100000000000001" customHeight="1">
      <c r="A71" s="1155"/>
      <c r="B71" s="1519"/>
      <c r="C71" s="1519"/>
      <c r="D71" s="1519"/>
      <c r="E71" s="1519"/>
      <c r="F71" s="1519"/>
      <c r="G71" s="1519"/>
      <c r="H71" s="1519"/>
      <c r="I71" s="1519"/>
      <c r="J71" s="1519"/>
      <c r="K71" s="1519"/>
      <c r="L71" s="1519"/>
      <c r="M71" s="1519"/>
      <c r="N71" s="1519"/>
      <c r="O71" s="1519"/>
      <c r="P71" s="1519"/>
      <c r="Q71" s="1519"/>
      <c r="R71" s="1519"/>
      <c r="S71" s="1519"/>
    </row>
    <row r="72" spans="1:19" s="2" customFormat="1" ht="17.100000000000001" customHeight="1">
      <c r="A72" s="1154"/>
      <c r="B72" s="1519"/>
      <c r="C72" s="1519"/>
      <c r="D72" s="1519"/>
      <c r="E72" s="1519"/>
      <c r="F72" s="1519"/>
      <c r="G72" s="1519"/>
      <c r="H72" s="1519"/>
      <c r="I72" s="1519"/>
      <c r="J72" s="1519"/>
      <c r="K72" s="1519"/>
      <c r="L72" s="1519"/>
      <c r="M72" s="1519"/>
      <c r="N72" s="1519"/>
      <c r="O72" s="1519"/>
      <c r="P72" s="1519"/>
      <c r="Q72" s="1519"/>
      <c r="R72" s="1519"/>
      <c r="S72" s="1519"/>
    </row>
    <row r="73" spans="1:19" s="2" customFormat="1" ht="17.100000000000001" customHeight="1">
      <c r="A73" s="1155"/>
      <c r="B73" s="1519"/>
      <c r="C73" s="1519"/>
      <c r="D73" s="1519"/>
      <c r="E73" s="1519"/>
      <c r="F73" s="1519"/>
      <c r="G73" s="1519"/>
      <c r="H73" s="1519"/>
      <c r="I73" s="1519"/>
      <c r="J73" s="1519"/>
      <c r="K73" s="1519"/>
      <c r="L73" s="1519"/>
      <c r="M73" s="1519"/>
      <c r="N73" s="1519"/>
      <c r="O73" s="1519"/>
      <c r="P73" s="1519"/>
      <c r="Q73" s="1519"/>
      <c r="R73" s="1519"/>
      <c r="S73" s="1519"/>
    </row>
    <row r="74" spans="1:19" s="2" customFormat="1" ht="17.100000000000001" customHeight="1">
      <c r="A74" s="1155"/>
      <c r="B74" s="1519"/>
      <c r="C74" s="1519"/>
      <c r="D74" s="1519"/>
      <c r="E74" s="1519"/>
      <c r="F74" s="1519"/>
      <c r="G74" s="1519"/>
      <c r="H74" s="1519"/>
      <c r="I74" s="1519"/>
      <c r="J74" s="1519"/>
      <c r="K74" s="1519"/>
      <c r="L74" s="1519"/>
      <c r="M74" s="1519"/>
      <c r="N74" s="1519"/>
      <c r="O74" s="1519"/>
      <c r="P74" s="1519"/>
      <c r="Q74" s="1519"/>
      <c r="R74" s="1519"/>
      <c r="S74" s="1519"/>
    </row>
  </sheetData>
  <mergeCells count="179">
    <mergeCell ref="B68:S74"/>
    <mergeCell ref="B64:K64"/>
    <mergeCell ref="B65:H65"/>
    <mergeCell ref="I65:K65"/>
    <mergeCell ref="N65:S65"/>
    <mergeCell ref="A66:G66"/>
    <mergeCell ref="H66:S66"/>
    <mergeCell ref="B62:B63"/>
    <mergeCell ref="C62:K62"/>
    <mergeCell ref="L62:M62"/>
    <mergeCell ref="O62:P62"/>
    <mergeCell ref="C63:K63"/>
    <mergeCell ref="L63:M63"/>
    <mergeCell ref="O63:P63"/>
    <mergeCell ref="L59:M59"/>
    <mergeCell ref="O59:P59"/>
    <mergeCell ref="C60:K60"/>
    <mergeCell ref="L60:M60"/>
    <mergeCell ref="O60:P60"/>
    <mergeCell ref="B61:K61"/>
    <mergeCell ref="L61:M61"/>
    <mergeCell ref="O61:P61"/>
    <mergeCell ref="B56:H56"/>
    <mergeCell ref="I56:K56"/>
    <mergeCell ref="M56:P56"/>
    <mergeCell ref="R56:S56"/>
    <mergeCell ref="B57:S57"/>
    <mergeCell ref="L58:N58"/>
    <mergeCell ref="O58:Q58"/>
    <mergeCell ref="R58:S63"/>
    <mergeCell ref="B59:B60"/>
    <mergeCell ref="C59:K59"/>
    <mergeCell ref="C53:G54"/>
    <mergeCell ref="H53:K53"/>
    <mergeCell ref="R53:S55"/>
    <mergeCell ref="H54:K54"/>
    <mergeCell ref="P54:Q54"/>
    <mergeCell ref="C55:K55"/>
    <mergeCell ref="L55:M55"/>
    <mergeCell ref="N55:O55"/>
    <mergeCell ref="P55:Q55"/>
    <mergeCell ref="C50:K50"/>
    <mergeCell ref="L50:M50"/>
    <mergeCell ref="N50:O50"/>
    <mergeCell ref="P50:Q50"/>
    <mergeCell ref="R50:S50"/>
    <mergeCell ref="L51:M51"/>
    <mergeCell ref="N51:O51"/>
    <mergeCell ref="P51:Q51"/>
    <mergeCell ref="R51:S52"/>
    <mergeCell ref="L46:M46"/>
    <mergeCell ref="N46:O46"/>
    <mergeCell ref="P46:Q46"/>
    <mergeCell ref="R46:S46"/>
    <mergeCell ref="C48:G49"/>
    <mergeCell ref="H48:K48"/>
    <mergeCell ref="H49:K49"/>
    <mergeCell ref="B42:K42"/>
    <mergeCell ref="B43:H43"/>
    <mergeCell ref="I43:K43"/>
    <mergeCell ref="N43:S43"/>
    <mergeCell ref="A44:A65"/>
    <mergeCell ref="B44:M44"/>
    <mergeCell ref="O44:P44"/>
    <mergeCell ref="R44:S44"/>
    <mergeCell ref="B45:S45"/>
    <mergeCell ref="B46:K47"/>
    <mergeCell ref="B40:B41"/>
    <mergeCell ref="C40:K40"/>
    <mergeCell ref="L40:M40"/>
    <mergeCell ref="O40:P40"/>
    <mergeCell ref="C41:K41"/>
    <mergeCell ref="L41:M41"/>
    <mergeCell ref="O41:P41"/>
    <mergeCell ref="L37:M37"/>
    <mergeCell ref="O37:P37"/>
    <mergeCell ref="C38:K38"/>
    <mergeCell ref="L38:M38"/>
    <mergeCell ref="O38:P38"/>
    <mergeCell ref="B39:K39"/>
    <mergeCell ref="L39:M39"/>
    <mergeCell ref="O39:P39"/>
    <mergeCell ref="B34:H34"/>
    <mergeCell ref="I34:K34"/>
    <mergeCell ref="M34:P34"/>
    <mergeCell ref="R34:S34"/>
    <mergeCell ref="B35:S35"/>
    <mergeCell ref="L36:N36"/>
    <mergeCell ref="O36:Q36"/>
    <mergeCell ref="R36:S41"/>
    <mergeCell ref="B37:B38"/>
    <mergeCell ref="C37:K37"/>
    <mergeCell ref="C31:G32"/>
    <mergeCell ref="H31:K31"/>
    <mergeCell ref="R31:S33"/>
    <mergeCell ref="H32:K32"/>
    <mergeCell ref="P32:Q32"/>
    <mergeCell ref="C33:K33"/>
    <mergeCell ref="L33:M33"/>
    <mergeCell ref="N33:O33"/>
    <mergeCell ref="P33:Q33"/>
    <mergeCell ref="P28:Q28"/>
    <mergeCell ref="R28:S28"/>
    <mergeCell ref="L29:M29"/>
    <mergeCell ref="N29:O29"/>
    <mergeCell ref="P29:Q29"/>
    <mergeCell ref="R29:S30"/>
    <mergeCell ref="C26:G27"/>
    <mergeCell ref="H26:K26"/>
    <mergeCell ref="H27:K27"/>
    <mergeCell ref="C28:K28"/>
    <mergeCell ref="L28:M28"/>
    <mergeCell ref="N28:O28"/>
    <mergeCell ref="A22:A43"/>
    <mergeCell ref="B22:M22"/>
    <mergeCell ref="O22:P22"/>
    <mergeCell ref="R22:S22"/>
    <mergeCell ref="B23:S23"/>
    <mergeCell ref="B24:K25"/>
    <mergeCell ref="L24:M24"/>
    <mergeCell ref="N24:O24"/>
    <mergeCell ref="P24:Q24"/>
    <mergeCell ref="R24:S24"/>
    <mergeCell ref="A20:A21"/>
    <mergeCell ref="B20:H20"/>
    <mergeCell ref="I20:M20"/>
    <mergeCell ref="N20:O20"/>
    <mergeCell ref="P20:S20"/>
    <mergeCell ref="B21:H21"/>
    <mergeCell ref="I21:M21"/>
    <mergeCell ref="N21:O21"/>
    <mergeCell ref="P21:S21"/>
    <mergeCell ref="A18:E18"/>
    <mergeCell ref="I18:K18"/>
    <mergeCell ref="L18:O18"/>
    <mergeCell ref="Q18:S18"/>
    <mergeCell ref="A19:E19"/>
    <mergeCell ref="I19:M19"/>
    <mergeCell ref="Q19:S19"/>
    <mergeCell ref="O12:S13"/>
    <mergeCell ref="B13:E13"/>
    <mergeCell ref="F13:M13"/>
    <mergeCell ref="B14:G14"/>
    <mergeCell ref="H14:S14"/>
    <mergeCell ref="B15:E17"/>
    <mergeCell ref="F15:G15"/>
    <mergeCell ref="H15:P15"/>
    <mergeCell ref="R15:S15"/>
    <mergeCell ref="F16:G17"/>
    <mergeCell ref="A11:A17"/>
    <mergeCell ref="B11:E11"/>
    <mergeCell ref="F11:M11"/>
    <mergeCell ref="N11:N13"/>
    <mergeCell ref="B12:E12"/>
    <mergeCell ref="F12:M12"/>
    <mergeCell ref="H16:S16"/>
    <mergeCell ref="H17:S17"/>
    <mergeCell ref="B9:E10"/>
    <mergeCell ref="F9:H9"/>
    <mergeCell ref="I9:L9"/>
    <mergeCell ref="P9:S9"/>
    <mergeCell ref="F10:H10"/>
    <mergeCell ref="I10:S10"/>
    <mergeCell ref="I5:K5"/>
    <mergeCell ref="O5:S5"/>
    <mergeCell ref="F6:K7"/>
    <mergeCell ref="M6:O7"/>
    <mergeCell ref="Q6:S7"/>
    <mergeCell ref="F8:S8"/>
    <mergeCell ref="A1:S1"/>
    <mergeCell ref="A2:A10"/>
    <mergeCell ref="B2:E2"/>
    <mergeCell ref="F2:S2"/>
    <mergeCell ref="B3:E3"/>
    <mergeCell ref="F3:S3"/>
    <mergeCell ref="B4:E4"/>
    <mergeCell ref="F4:S4"/>
    <mergeCell ref="B5:E8"/>
    <mergeCell ref="F5:H5"/>
  </mergeCells>
  <phoneticPr fontId="3"/>
  <printOptions horizontalCentered="1"/>
  <pageMargins left="0.70866141732283472" right="0.70866141732283472" top="0.74803149606299213" bottom="0.74803149606299213" header="0.31496062992125984" footer="0.31496062992125984"/>
  <pageSetup paperSize="9" scale="5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9217" r:id="rId4" name="Check Box 1">
              <controlPr defaultSize="0" autoFill="0" autoLine="0" autoPict="0">
                <anchor moveWithCells="1">
                  <from>
                    <xdr:col>5</xdr:col>
                    <xdr:colOff>38100</xdr:colOff>
                    <xdr:row>16</xdr:row>
                    <xdr:rowOff>257175</xdr:rowOff>
                  </from>
                  <to>
                    <xdr:col>6</xdr:col>
                    <xdr:colOff>142875</xdr:colOff>
                    <xdr:row>18</xdr:row>
                    <xdr:rowOff>0</xdr:rowOff>
                  </to>
                </anchor>
              </controlPr>
            </control>
          </mc:Choice>
        </mc:AlternateContent>
        <mc:AlternateContent xmlns:mc="http://schemas.openxmlformats.org/markup-compatibility/2006">
          <mc:Choice Requires="x14">
            <control shapeId="9218" r:id="rId5" name="Check Box 2">
              <controlPr defaultSize="0" autoFill="0" autoLine="0" autoPict="0">
                <anchor moveWithCells="1">
                  <from>
                    <xdr:col>6</xdr:col>
                    <xdr:colOff>133350</xdr:colOff>
                    <xdr:row>16</xdr:row>
                    <xdr:rowOff>257175</xdr:rowOff>
                  </from>
                  <to>
                    <xdr:col>6</xdr:col>
                    <xdr:colOff>752475</xdr:colOff>
                    <xdr:row>18</xdr:row>
                    <xdr:rowOff>0</xdr:rowOff>
                  </to>
                </anchor>
              </controlPr>
            </control>
          </mc:Choice>
        </mc:AlternateContent>
        <mc:AlternateContent xmlns:mc="http://schemas.openxmlformats.org/markup-compatibility/2006">
          <mc:Choice Requires="x14">
            <control shapeId="9219" r:id="rId6" name="Check Box 3">
              <controlPr defaultSize="0" autoFill="0" autoLine="0" autoPict="0">
                <anchor moveWithCells="1">
                  <from>
                    <xdr:col>16</xdr:col>
                    <xdr:colOff>180975</xdr:colOff>
                    <xdr:row>17</xdr:row>
                    <xdr:rowOff>180975</xdr:rowOff>
                  </from>
                  <to>
                    <xdr:col>17</xdr:col>
                    <xdr:colOff>161925</xdr:colOff>
                    <xdr:row>19</xdr:row>
                    <xdr:rowOff>28575</xdr:rowOff>
                  </to>
                </anchor>
              </controlPr>
            </control>
          </mc:Choice>
        </mc:AlternateContent>
        <mc:AlternateContent xmlns:mc="http://schemas.openxmlformats.org/markup-compatibility/2006">
          <mc:Choice Requires="x14">
            <control shapeId="9220" r:id="rId7" name="Check Box 4">
              <controlPr defaultSize="0" autoFill="0" autoLine="0" autoPict="0">
                <anchor moveWithCells="1">
                  <from>
                    <xdr:col>17</xdr:col>
                    <xdr:colOff>409575</xdr:colOff>
                    <xdr:row>17</xdr:row>
                    <xdr:rowOff>180975</xdr:rowOff>
                  </from>
                  <to>
                    <xdr:col>18</xdr:col>
                    <xdr:colOff>390525</xdr:colOff>
                    <xdr:row>19</xdr:row>
                    <xdr:rowOff>28575</xdr:rowOff>
                  </to>
                </anchor>
              </controlPr>
            </control>
          </mc:Choice>
        </mc:AlternateContent>
        <mc:AlternateContent xmlns:mc="http://schemas.openxmlformats.org/markup-compatibility/2006">
          <mc:Choice Requires="x14">
            <control shapeId="9221" r:id="rId8" name="Check Box 5">
              <controlPr defaultSize="0" autoFill="0" autoLine="0" autoPict="0">
                <anchor moveWithCells="1">
                  <from>
                    <xdr:col>13</xdr:col>
                    <xdr:colOff>628650</xdr:colOff>
                    <xdr:row>20</xdr:row>
                    <xdr:rowOff>238125</xdr:rowOff>
                  </from>
                  <to>
                    <xdr:col>14</xdr:col>
                    <xdr:colOff>219075</xdr:colOff>
                    <xdr:row>22</xdr:row>
                    <xdr:rowOff>19050</xdr:rowOff>
                  </to>
                </anchor>
              </controlPr>
            </control>
          </mc:Choice>
        </mc:AlternateContent>
        <mc:AlternateContent xmlns:mc="http://schemas.openxmlformats.org/markup-compatibility/2006">
          <mc:Choice Requires="x14">
            <control shapeId="9222" r:id="rId9" name="Check Box 6">
              <controlPr defaultSize="0" autoFill="0" autoLine="0" autoPict="0">
                <anchor moveWithCells="1">
                  <from>
                    <xdr:col>17</xdr:col>
                    <xdr:colOff>9525</xdr:colOff>
                    <xdr:row>20</xdr:row>
                    <xdr:rowOff>238125</xdr:rowOff>
                  </from>
                  <to>
                    <xdr:col>17</xdr:col>
                    <xdr:colOff>285750</xdr:colOff>
                    <xdr:row>22</xdr:row>
                    <xdr:rowOff>19050</xdr:rowOff>
                  </to>
                </anchor>
              </controlPr>
            </control>
          </mc:Choice>
        </mc:AlternateContent>
        <mc:AlternateContent xmlns:mc="http://schemas.openxmlformats.org/markup-compatibility/2006">
          <mc:Choice Requires="x14">
            <control shapeId="9223" r:id="rId10" name="Check Box 7">
              <controlPr defaultSize="0" autoFill="0" autoLine="0" autoPict="0">
                <anchor moveWithCells="1">
                  <from>
                    <xdr:col>13</xdr:col>
                    <xdr:colOff>628650</xdr:colOff>
                    <xdr:row>42</xdr:row>
                    <xdr:rowOff>152400</xdr:rowOff>
                  </from>
                  <to>
                    <xdr:col>14</xdr:col>
                    <xdr:colOff>219075</xdr:colOff>
                    <xdr:row>44</xdr:row>
                    <xdr:rowOff>19050</xdr:rowOff>
                  </to>
                </anchor>
              </controlPr>
            </control>
          </mc:Choice>
        </mc:AlternateContent>
        <mc:AlternateContent xmlns:mc="http://schemas.openxmlformats.org/markup-compatibility/2006">
          <mc:Choice Requires="x14">
            <control shapeId="9224" r:id="rId11" name="Check Box 8">
              <controlPr defaultSize="0" autoFill="0" autoLine="0" autoPict="0">
                <anchor moveWithCells="1">
                  <from>
                    <xdr:col>17</xdr:col>
                    <xdr:colOff>9525</xdr:colOff>
                    <xdr:row>42</xdr:row>
                    <xdr:rowOff>152400</xdr:rowOff>
                  </from>
                  <to>
                    <xdr:col>17</xdr:col>
                    <xdr:colOff>285750</xdr:colOff>
                    <xdr:row>44</xdr:row>
                    <xdr:rowOff>19050</xdr:rowOff>
                  </to>
                </anchor>
              </controlPr>
            </control>
          </mc:Choice>
        </mc:AlternateContent>
        <mc:AlternateContent xmlns:mc="http://schemas.openxmlformats.org/markup-compatibility/2006">
          <mc:Choice Requires="x14">
            <control shapeId="9225" r:id="rId12" name="Check Box 9">
              <controlPr defaultSize="0" autoFill="0" autoLine="0" autoPict="0">
                <anchor moveWithCells="1">
                  <from>
                    <xdr:col>5</xdr:col>
                    <xdr:colOff>38100</xdr:colOff>
                    <xdr:row>17</xdr:row>
                    <xdr:rowOff>209550</xdr:rowOff>
                  </from>
                  <to>
                    <xdr:col>6</xdr:col>
                    <xdr:colOff>152400</xdr:colOff>
                    <xdr:row>19</xdr:row>
                    <xdr:rowOff>19050</xdr:rowOff>
                  </to>
                </anchor>
              </controlPr>
            </control>
          </mc:Choice>
        </mc:AlternateContent>
        <mc:AlternateContent xmlns:mc="http://schemas.openxmlformats.org/markup-compatibility/2006">
          <mc:Choice Requires="x14">
            <control shapeId="9226" r:id="rId13" name="Check Box 10">
              <controlPr defaultSize="0" autoFill="0" autoLine="0" autoPict="0">
                <anchor moveWithCells="1">
                  <from>
                    <xdr:col>6</xdr:col>
                    <xdr:colOff>133350</xdr:colOff>
                    <xdr:row>17</xdr:row>
                    <xdr:rowOff>209550</xdr:rowOff>
                  </from>
                  <to>
                    <xdr:col>6</xdr:col>
                    <xdr:colOff>752475</xdr:colOff>
                    <xdr:row>19</xdr:row>
                    <xdr:rowOff>19050</xdr:rowOff>
                  </to>
                </anchor>
              </controlPr>
            </control>
          </mc:Choice>
        </mc:AlternateContent>
        <mc:AlternateContent xmlns:mc="http://schemas.openxmlformats.org/markup-compatibility/2006">
          <mc:Choice Requires="x14">
            <control shapeId="9227" r:id="rId14" name="Check Box 11">
              <controlPr defaultSize="0" autoFill="0" autoLine="0" autoPict="0">
                <anchor moveWithCells="1">
                  <from>
                    <xdr:col>13</xdr:col>
                    <xdr:colOff>238125</xdr:colOff>
                    <xdr:row>18</xdr:row>
                    <xdr:rowOff>0</xdr:rowOff>
                  </from>
                  <to>
                    <xdr:col>14</xdr:col>
                    <xdr:colOff>47625</xdr:colOff>
                    <xdr:row>19</xdr:row>
                    <xdr:rowOff>38100</xdr:rowOff>
                  </to>
                </anchor>
              </controlPr>
            </control>
          </mc:Choice>
        </mc:AlternateContent>
        <mc:AlternateContent xmlns:mc="http://schemas.openxmlformats.org/markup-compatibility/2006">
          <mc:Choice Requires="x14">
            <control shapeId="9228" r:id="rId15" name="Check Box 12">
              <controlPr defaultSize="0" autoFill="0" autoLine="0" autoPict="0">
                <anchor moveWithCells="1">
                  <from>
                    <xdr:col>14</xdr:col>
                    <xdr:colOff>104775</xdr:colOff>
                    <xdr:row>18</xdr:row>
                    <xdr:rowOff>0</xdr:rowOff>
                  </from>
                  <to>
                    <xdr:col>15</xdr:col>
                    <xdr:colOff>0</xdr:colOff>
                    <xdr:row>19</xdr:row>
                    <xdr:rowOff>38100</xdr:rowOff>
                  </to>
                </anchor>
              </controlPr>
            </control>
          </mc:Choice>
        </mc:AlternateContent>
        <mc:AlternateContent xmlns:mc="http://schemas.openxmlformats.org/markup-compatibility/2006">
          <mc:Choice Requires="x14">
            <control shapeId="9229" r:id="rId16" name="Check Box 13">
              <controlPr defaultSize="0" autoFill="0" autoLine="0" autoPict="0">
                <anchor moveWithCells="1">
                  <from>
                    <xdr:col>11</xdr:col>
                    <xdr:colOff>123825</xdr:colOff>
                    <xdr:row>40</xdr:row>
                    <xdr:rowOff>142875</xdr:rowOff>
                  </from>
                  <to>
                    <xdr:col>12</xdr:col>
                    <xdr:colOff>361950</xdr:colOff>
                    <xdr:row>42</xdr:row>
                    <xdr:rowOff>47625</xdr:rowOff>
                  </to>
                </anchor>
              </controlPr>
            </control>
          </mc:Choice>
        </mc:AlternateContent>
        <mc:AlternateContent xmlns:mc="http://schemas.openxmlformats.org/markup-compatibility/2006">
          <mc:Choice Requires="x14">
            <control shapeId="9230" r:id="rId17" name="Check Box 14">
              <controlPr defaultSize="0" autoFill="0" autoLine="0" autoPict="0">
                <anchor moveWithCells="1">
                  <from>
                    <xdr:col>13</xdr:col>
                    <xdr:colOff>266700</xdr:colOff>
                    <xdr:row>40</xdr:row>
                    <xdr:rowOff>152400</xdr:rowOff>
                  </from>
                  <to>
                    <xdr:col>15</xdr:col>
                    <xdr:colOff>123825</xdr:colOff>
                    <xdr:row>42</xdr:row>
                    <xdr:rowOff>47625</xdr:rowOff>
                  </to>
                </anchor>
              </controlPr>
            </control>
          </mc:Choice>
        </mc:AlternateContent>
        <mc:AlternateContent xmlns:mc="http://schemas.openxmlformats.org/markup-compatibility/2006">
          <mc:Choice Requires="x14">
            <control shapeId="9231" r:id="rId18" name="Check Box 15">
              <controlPr defaultSize="0" autoFill="0" autoLine="0" autoPict="0">
                <anchor moveWithCells="1">
                  <from>
                    <xdr:col>16</xdr:col>
                    <xdr:colOff>0</xdr:colOff>
                    <xdr:row>40</xdr:row>
                    <xdr:rowOff>152400</xdr:rowOff>
                  </from>
                  <to>
                    <xdr:col>17</xdr:col>
                    <xdr:colOff>600075</xdr:colOff>
                    <xdr:row>42</xdr:row>
                    <xdr:rowOff>47625</xdr:rowOff>
                  </to>
                </anchor>
              </controlPr>
            </control>
          </mc:Choice>
        </mc:AlternateContent>
        <mc:AlternateContent xmlns:mc="http://schemas.openxmlformats.org/markup-compatibility/2006">
          <mc:Choice Requires="x14">
            <control shapeId="9232" r:id="rId19" name="Check Box 16">
              <controlPr defaultSize="0" autoFill="0" autoLine="0" autoPict="0">
                <anchor moveWithCells="1">
                  <from>
                    <xdr:col>11</xdr:col>
                    <xdr:colOff>123825</xdr:colOff>
                    <xdr:row>63</xdr:row>
                    <xdr:rowOff>0</xdr:rowOff>
                  </from>
                  <to>
                    <xdr:col>12</xdr:col>
                    <xdr:colOff>361950</xdr:colOff>
                    <xdr:row>64</xdr:row>
                    <xdr:rowOff>47625</xdr:rowOff>
                  </to>
                </anchor>
              </controlPr>
            </control>
          </mc:Choice>
        </mc:AlternateContent>
        <mc:AlternateContent xmlns:mc="http://schemas.openxmlformats.org/markup-compatibility/2006">
          <mc:Choice Requires="x14">
            <control shapeId="9233" r:id="rId20" name="Check Box 17">
              <controlPr defaultSize="0" autoFill="0" autoLine="0" autoPict="0">
                <anchor moveWithCells="1">
                  <from>
                    <xdr:col>13</xdr:col>
                    <xdr:colOff>266700</xdr:colOff>
                    <xdr:row>63</xdr:row>
                    <xdr:rowOff>0</xdr:rowOff>
                  </from>
                  <to>
                    <xdr:col>15</xdr:col>
                    <xdr:colOff>123825</xdr:colOff>
                    <xdr:row>64</xdr:row>
                    <xdr:rowOff>38100</xdr:rowOff>
                  </to>
                </anchor>
              </controlPr>
            </control>
          </mc:Choice>
        </mc:AlternateContent>
        <mc:AlternateContent xmlns:mc="http://schemas.openxmlformats.org/markup-compatibility/2006">
          <mc:Choice Requires="x14">
            <control shapeId="9234" r:id="rId21" name="Check Box 18">
              <controlPr defaultSize="0" autoFill="0" autoLine="0" autoPict="0">
                <anchor moveWithCells="1">
                  <from>
                    <xdr:col>16</xdr:col>
                    <xdr:colOff>0</xdr:colOff>
                    <xdr:row>63</xdr:row>
                    <xdr:rowOff>0</xdr:rowOff>
                  </from>
                  <to>
                    <xdr:col>17</xdr:col>
                    <xdr:colOff>600075</xdr:colOff>
                    <xdr:row>64</xdr:row>
                    <xdr:rowOff>38100</xdr:rowOff>
                  </to>
                </anchor>
              </controlPr>
            </control>
          </mc:Choice>
        </mc:AlternateContent>
      </controls>
    </mc:Choice>
  </mc:AlternateConten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DB2AA4-30B2-42A3-94AA-7D0ACC7FEA71}">
  <sheetPr>
    <pageSetUpPr fitToPage="1"/>
  </sheetPr>
  <dimension ref="A1:S6"/>
  <sheetViews>
    <sheetView view="pageBreakPreview" zoomScaleNormal="100" zoomScaleSheetLayoutView="100" workbookViewId="0">
      <selection activeCell="A2" sqref="A2:AK76"/>
    </sheetView>
  </sheetViews>
  <sheetFormatPr defaultColWidth="9.125" defaultRowHeight="17.25"/>
  <cols>
    <col min="1" max="1" width="6.125" style="618" customWidth="1"/>
    <col min="2" max="11" width="3.75" style="618" customWidth="1"/>
    <col min="12" max="19" width="9.625" style="618" customWidth="1"/>
    <col min="20" max="16384" width="9.125" style="618"/>
  </cols>
  <sheetData>
    <row r="1" spans="1:19" ht="36" customHeight="1">
      <c r="A1" s="612" t="s">
        <v>306</v>
      </c>
      <c r="B1" s="612"/>
      <c r="C1" s="612"/>
      <c r="D1" s="612"/>
      <c r="E1" s="612"/>
      <c r="F1" s="612"/>
      <c r="G1" s="612"/>
      <c r="H1" s="612"/>
      <c r="I1" s="612"/>
      <c r="J1" s="612"/>
      <c r="K1" s="612"/>
      <c r="L1" s="612"/>
      <c r="M1" s="612"/>
      <c r="N1" s="612"/>
      <c r="O1" s="612"/>
      <c r="P1" s="612"/>
      <c r="Q1" s="612"/>
      <c r="R1" s="612"/>
      <c r="S1" s="612"/>
    </row>
    <row r="2" spans="1:19" s="1522" customFormat="1" ht="19.350000000000001" customHeight="1">
      <c r="A2" s="1520"/>
      <c r="B2" s="1521"/>
      <c r="C2" s="1521"/>
      <c r="D2" s="1521"/>
      <c r="E2" s="1521"/>
      <c r="F2" s="1521"/>
      <c r="G2" s="1521"/>
      <c r="H2" s="1521"/>
      <c r="I2" s="1521"/>
      <c r="J2" s="1521"/>
      <c r="K2" s="1521"/>
      <c r="L2" s="1521"/>
      <c r="M2" s="1521"/>
      <c r="N2" s="1521"/>
      <c r="O2" s="1521"/>
      <c r="P2" s="1521"/>
      <c r="Q2" s="1521"/>
      <c r="R2" s="1521"/>
      <c r="S2" s="1521"/>
    </row>
    <row r="3" spans="1:19" ht="22.35" customHeight="1" thickBot="1">
      <c r="A3" s="1387" t="s">
        <v>221</v>
      </c>
      <c r="B3" s="1523"/>
      <c r="C3" s="1523"/>
      <c r="D3" s="1523"/>
      <c r="E3" s="1523"/>
      <c r="F3" s="1523"/>
      <c r="G3" s="1523"/>
      <c r="H3" s="1523"/>
      <c r="I3" s="1523"/>
      <c r="J3" s="1523"/>
      <c r="K3" s="1523"/>
      <c r="L3" s="1523"/>
      <c r="M3" s="1523"/>
      <c r="N3" s="1523"/>
      <c r="O3" s="1523"/>
      <c r="P3" s="1523"/>
      <c r="Q3" s="1523"/>
      <c r="R3" s="1523"/>
      <c r="S3" s="1523"/>
    </row>
    <row r="4" spans="1:19" ht="21.95" customHeight="1">
      <c r="A4" s="1524" t="s">
        <v>203</v>
      </c>
      <c r="B4" s="1161" t="s">
        <v>204</v>
      </c>
      <c r="C4" s="1161"/>
      <c r="D4" s="1161"/>
      <c r="E4" s="1161"/>
      <c r="F4" s="1161"/>
      <c r="G4" s="1161"/>
      <c r="H4" s="1161"/>
      <c r="I4" s="1162"/>
      <c r="J4" s="1162"/>
      <c r="K4" s="1162"/>
      <c r="L4" s="1162"/>
      <c r="M4" s="1162"/>
      <c r="N4" s="1161" t="s">
        <v>230</v>
      </c>
      <c r="O4" s="1161"/>
      <c r="P4" s="1162"/>
      <c r="Q4" s="1162"/>
      <c r="R4" s="1162"/>
      <c r="S4" s="1525"/>
    </row>
    <row r="5" spans="1:19" ht="21.95" customHeight="1">
      <c r="A5" s="1526"/>
      <c r="B5" s="232" t="s">
        <v>204</v>
      </c>
      <c r="C5" s="232"/>
      <c r="D5" s="232"/>
      <c r="E5" s="232"/>
      <c r="F5" s="232"/>
      <c r="G5" s="232"/>
      <c r="H5" s="232"/>
      <c r="I5" s="1169"/>
      <c r="J5" s="1169"/>
      <c r="K5" s="1169"/>
      <c r="L5" s="1169"/>
      <c r="M5" s="1169"/>
      <c r="N5" s="1527" t="s">
        <v>205</v>
      </c>
      <c r="O5" s="1527"/>
      <c r="P5" s="1169"/>
      <c r="Q5" s="1169"/>
      <c r="R5" s="1169"/>
      <c r="S5" s="1184"/>
    </row>
    <row r="6" spans="1:19" ht="21.95" customHeight="1" thickBot="1">
      <c r="A6" s="1528"/>
      <c r="B6" s="242" t="s">
        <v>204</v>
      </c>
      <c r="C6" s="242"/>
      <c r="D6" s="242"/>
      <c r="E6" s="242"/>
      <c r="F6" s="242"/>
      <c r="G6" s="242"/>
      <c r="H6" s="242"/>
      <c r="I6" s="1176"/>
      <c r="J6" s="1176"/>
      <c r="K6" s="1176"/>
      <c r="L6" s="1176"/>
      <c r="M6" s="1176"/>
      <c r="N6" s="1529" t="s">
        <v>205</v>
      </c>
      <c r="O6" s="1529"/>
      <c r="P6" s="1176"/>
      <c r="Q6" s="1176"/>
      <c r="R6" s="1176"/>
      <c r="S6" s="1530"/>
    </row>
  </sheetData>
  <mergeCells count="14">
    <mergeCell ref="B6:H6"/>
    <mergeCell ref="I6:M6"/>
    <mergeCell ref="N6:O6"/>
    <mergeCell ref="P6:S6"/>
    <mergeCell ref="A1:S1"/>
    <mergeCell ref="A4:A6"/>
    <mergeCell ref="B4:H4"/>
    <mergeCell ref="I4:M4"/>
    <mergeCell ref="N4:O4"/>
    <mergeCell ref="P4:S4"/>
    <mergeCell ref="B5:H5"/>
    <mergeCell ref="I5:M5"/>
    <mergeCell ref="N5:O5"/>
    <mergeCell ref="P5:S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A65B4D-520B-4C4D-BFE9-33DFDF66D313}">
  <sheetPr>
    <pageSetUpPr fitToPage="1"/>
  </sheetPr>
  <dimension ref="A1:N59"/>
  <sheetViews>
    <sheetView view="pageBreakPreview" zoomScale="95" zoomScaleNormal="100" zoomScaleSheetLayoutView="95" workbookViewId="0">
      <selection activeCell="A2" sqref="A2:AK76"/>
    </sheetView>
  </sheetViews>
  <sheetFormatPr defaultColWidth="9.125" defaultRowHeight="15" customHeight="1"/>
  <cols>
    <col min="1" max="1" width="9.125" style="2"/>
    <col min="2" max="2" width="9.5" style="2" bestFit="1" customWidth="1"/>
    <col min="3" max="3" width="10.625" style="2" customWidth="1"/>
    <col min="4" max="4" width="11.625" style="2" customWidth="1"/>
    <col min="5" max="10" width="9.125" style="2"/>
    <col min="11" max="14" width="6.125" style="2" customWidth="1"/>
    <col min="15" max="16384" width="9.125" style="2"/>
  </cols>
  <sheetData>
    <row r="1" spans="1:14" ht="36" customHeight="1" thickBot="1">
      <c r="A1" s="1" t="s">
        <v>307</v>
      </c>
      <c r="B1" s="1"/>
      <c r="C1" s="1"/>
      <c r="D1" s="1"/>
      <c r="E1" s="1"/>
      <c r="F1" s="1"/>
      <c r="G1" s="1"/>
      <c r="H1" s="1"/>
      <c r="I1" s="1"/>
      <c r="J1" s="1"/>
      <c r="K1" s="1"/>
      <c r="L1" s="1"/>
      <c r="M1" s="1"/>
      <c r="N1" s="1"/>
    </row>
    <row r="2" spans="1:14" ht="15" customHeight="1">
      <c r="A2" s="3" t="s">
        <v>91</v>
      </c>
      <c r="B2" s="1531" t="s">
        <v>2</v>
      </c>
      <c r="C2" s="1532"/>
      <c r="D2" s="1533"/>
      <c r="E2" s="1533"/>
      <c r="F2" s="1533"/>
      <c r="G2" s="1533"/>
      <c r="H2" s="1533"/>
      <c r="I2" s="1533"/>
      <c r="J2" s="1533"/>
      <c r="K2" s="1533"/>
      <c r="L2" s="1533"/>
      <c r="M2" s="1533"/>
      <c r="N2" s="1534"/>
    </row>
    <row r="3" spans="1:14" ht="15" customHeight="1">
      <c r="A3" s="8"/>
      <c r="B3" s="1535" t="s">
        <v>3</v>
      </c>
      <c r="C3" s="1047"/>
      <c r="D3" s="559"/>
      <c r="E3" s="559"/>
      <c r="F3" s="559"/>
      <c r="G3" s="559"/>
      <c r="H3" s="559"/>
      <c r="I3" s="559"/>
      <c r="J3" s="559"/>
      <c r="K3" s="559"/>
      <c r="L3" s="559"/>
      <c r="M3" s="559"/>
      <c r="N3" s="1048"/>
    </row>
    <row r="4" spans="1:14" ht="30" customHeight="1">
      <c r="A4" s="8"/>
      <c r="B4" s="1536" t="s">
        <v>4</v>
      </c>
      <c r="C4" s="1537"/>
      <c r="D4" s="14"/>
      <c r="E4" s="14"/>
      <c r="F4" s="14"/>
      <c r="G4" s="14"/>
      <c r="H4" s="14"/>
      <c r="I4" s="14"/>
      <c r="J4" s="14"/>
      <c r="K4" s="14"/>
      <c r="L4" s="14"/>
      <c r="M4" s="14"/>
      <c r="N4" s="15"/>
    </row>
    <row r="5" spans="1:14" ht="15" customHeight="1">
      <c r="A5" s="8"/>
      <c r="B5" s="565" t="s">
        <v>5</v>
      </c>
      <c r="C5" s="534" t="s">
        <v>308</v>
      </c>
      <c r="D5" s="21"/>
      <c r="E5" s="18"/>
      <c r="F5" s="19" t="s">
        <v>93</v>
      </c>
      <c r="G5" s="18"/>
      <c r="H5" s="1407" t="s">
        <v>309</v>
      </c>
      <c r="I5" s="1407"/>
      <c r="J5" s="1407"/>
      <c r="K5" s="1407"/>
      <c r="L5" s="1407"/>
      <c r="M5" s="1407"/>
      <c r="N5" s="1452"/>
    </row>
    <row r="6" spans="1:14" ht="15" customHeight="1">
      <c r="A6" s="8"/>
      <c r="B6" s="536"/>
      <c r="C6" s="1053"/>
      <c r="D6" s="276"/>
      <c r="E6" s="277" t="s">
        <v>9</v>
      </c>
      <c r="F6" s="276"/>
      <c r="G6" s="276"/>
      <c r="H6" s="276"/>
      <c r="I6" s="277" t="s">
        <v>10</v>
      </c>
      <c r="J6" s="276"/>
      <c r="K6" s="276"/>
      <c r="L6" s="276"/>
      <c r="M6" s="276"/>
      <c r="N6" s="279"/>
    </row>
    <row r="7" spans="1:14" ht="15" customHeight="1">
      <c r="A7" s="8"/>
      <c r="B7" s="536"/>
      <c r="C7" s="1053"/>
      <c r="D7" s="276"/>
      <c r="E7" s="277" t="s">
        <v>11</v>
      </c>
      <c r="F7" s="276"/>
      <c r="G7" s="276"/>
      <c r="H7" s="276"/>
      <c r="I7" s="277" t="s">
        <v>95</v>
      </c>
      <c r="J7" s="276"/>
      <c r="K7" s="276"/>
      <c r="L7" s="276"/>
      <c r="M7" s="276"/>
      <c r="N7" s="279"/>
    </row>
    <row r="8" spans="1:14" ht="19.149999999999999" customHeight="1">
      <c r="A8" s="8"/>
      <c r="B8" s="548"/>
      <c r="C8" s="10"/>
      <c r="D8" s="11"/>
      <c r="E8" s="11"/>
      <c r="F8" s="11"/>
      <c r="G8" s="11"/>
      <c r="H8" s="11"/>
      <c r="I8" s="11"/>
      <c r="J8" s="11"/>
      <c r="K8" s="11"/>
      <c r="L8" s="11"/>
      <c r="M8" s="11"/>
      <c r="N8" s="12"/>
    </row>
    <row r="9" spans="1:14" ht="15" customHeight="1">
      <c r="A9" s="8"/>
      <c r="B9" s="31" t="s">
        <v>13</v>
      </c>
      <c r="C9" s="13" t="s">
        <v>14</v>
      </c>
      <c r="D9" s="33"/>
      <c r="E9" s="34"/>
      <c r="F9" s="34"/>
      <c r="G9" s="35" t="s">
        <v>15</v>
      </c>
      <c r="H9" s="1538"/>
      <c r="I9" s="37" t="s">
        <v>73</v>
      </c>
      <c r="J9" s="33"/>
      <c r="K9" s="34"/>
      <c r="L9" s="34"/>
      <c r="M9" s="34"/>
      <c r="N9" s="38"/>
    </row>
    <row r="10" spans="1:14" ht="15" customHeight="1">
      <c r="A10" s="39"/>
      <c r="B10" s="31"/>
      <c r="C10" s="13" t="s">
        <v>17</v>
      </c>
      <c r="D10" s="33"/>
      <c r="E10" s="34"/>
      <c r="F10" s="34"/>
      <c r="G10" s="34"/>
      <c r="H10" s="34"/>
      <c r="I10" s="34"/>
      <c r="J10" s="34"/>
      <c r="K10" s="34"/>
      <c r="L10" s="34"/>
      <c r="M10" s="34"/>
      <c r="N10" s="38"/>
    </row>
    <row r="11" spans="1:14" ht="15" customHeight="1">
      <c r="A11" s="1266" t="s">
        <v>310</v>
      </c>
      <c r="B11" s="29"/>
      <c r="C11" s="548"/>
      <c r="D11" s="569"/>
      <c r="E11" s="30" t="s">
        <v>311</v>
      </c>
      <c r="F11" s="30"/>
      <c r="G11" s="549"/>
      <c r="H11" s="549"/>
      <c r="I11" s="549"/>
      <c r="J11" s="549"/>
      <c r="K11" s="549"/>
      <c r="L11" s="549"/>
      <c r="M11" s="549"/>
      <c r="N11" s="1539"/>
    </row>
    <row r="12" spans="1:14" ht="15" customHeight="1">
      <c r="A12" s="1091"/>
      <c r="B12" s="30"/>
      <c r="C12" s="31" t="s">
        <v>312</v>
      </c>
      <c r="D12" s="32"/>
      <c r="E12" s="1047"/>
      <c r="F12" s="559"/>
      <c r="G12" s="559"/>
      <c r="H12" s="560"/>
      <c r="I12" s="1540" t="s">
        <v>104</v>
      </c>
      <c r="J12" s="1541"/>
      <c r="K12" s="1542"/>
      <c r="L12" s="1542"/>
      <c r="M12" s="1542"/>
      <c r="N12" s="1543"/>
    </row>
    <row r="13" spans="1:14" ht="15" customHeight="1">
      <c r="A13" s="491" t="s">
        <v>96</v>
      </c>
      <c r="B13" s="1544" t="s">
        <v>3</v>
      </c>
      <c r="C13" s="462"/>
      <c r="D13" s="462"/>
      <c r="E13" s="462"/>
      <c r="F13" s="1545"/>
      <c r="G13" s="1546" t="s">
        <v>19</v>
      </c>
      <c r="H13" s="1547"/>
      <c r="I13" s="1548" t="s">
        <v>6</v>
      </c>
      <c r="J13" s="1549"/>
      <c r="K13" s="1394" t="s">
        <v>93</v>
      </c>
      <c r="L13" s="1550"/>
      <c r="M13" s="1550"/>
      <c r="N13" s="1551" t="s">
        <v>8</v>
      </c>
    </row>
    <row r="14" spans="1:14" ht="15" customHeight="1">
      <c r="A14" s="491"/>
      <c r="B14" s="130" t="s">
        <v>22</v>
      </c>
      <c r="C14" s="465"/>
      <c r="D14" s="465"/>
      <c r="E14" s="465"/>
      <c r="F14" s="483"/>
      <c r="G14" s="468"/>
      <c r="H14" s="122"/>
      <c r="I14" s="602"/>
      <c r="J14" s="27"/>
      <c r="K14" s="27"/>
      <c r="L14" s="27"/>
      <c r="M14" s="27"/>
      <c r="N14" s="28"/>
    </row>
    <row r="15" spans="1:14" ht="15" customHeight="1">
      <c r="A15" s="491"/>
      <c r="B15" s="1552" t="s">
        <v>23</v>
      </c>
      <c r="C15" s="494"/>
      <c r="D15" s="494"/>
      <c r="E15" s="494"/>
      <c r="F15" s="495"/>
      <c r="G15" s="125"/>
      <c r="H15" s="126"/>
      <c r="I15" s="461"/>
      <c r="J15" s="462"/>
      <c r="K15" s="462"/>
      <c r="L15" s="462"/>
      <c r="M15" s="462"/>
      <c r="N15" s="497"/>
    </row>
    <row r="16" spans="1:14" ht="36.75" customHeight="1">
      <c r="A16" s="491"/>
      <c r="B16" s="1553" t="s">
        <v>313</v>
      </c>
      <c r="C16" s="1554"/>
      <c r="D16" s="1555"/>
      <c r="E16" s="1556"/>
      <c r="F16" s="1555"/>
      <c r="G16" s="1555"/>
      <c r="H16" s="1555"/>
      <c r="I16" s="1555"/>
      <c r="J16" s="1555"/>
      <c r="K16" s="1555"/>
      <c r="L16" s="1555"/>
      <c r="M16" s="1555"/>
      <c r="N16" s="1557"/>
    </row>
    <row r="17" spans="1:14" ht="39.75" customHeight="1">
      <c r="A17" s="491"/>
      <c r="B17" s="82" t="s">
        <v>314</v>
      </c>
      <c r="C17" s="83"/>
      <c r="D17" s="1558" t="s">
        <v>26</v>
      </c>
      <c r="E17" s="1428"/>
      <c r="F17" s="1428"/>
      <c r="G17" s="1428"/>
      <c r="H17" s="1428"/>
      <c r="I17" s="1428"/>
      <c r="J17" s="1428"/>
      <c r="K17" s="1428"/>
      <c r="L17" s="1428"/>
      <c r="M17" s="1428"/>
      <c r="N17" s="1559"/>
    </row>
    <row r="18" spans="1:14" ht="15" customHeight="1">
      <c r="A18" s="491"/>
      <c r="B18" s="89"/>
      <c r="C18" s="90"/>
      <c r="D18" s="1427" t="s">
        <v>104</v>
      </c>
      <c r="E18" s="99"/>
      <c r="F18" s="99"/>
      <c r="G18" s="99"/>
      <c r="H18" s="99"/>
      <c r="I18" s="99"/>
      <c r="J18" s="99"/>
      <c r="K18" s="99"/>
      <c r="L18" s="99"/>
      <c r="M18" s="99"/>
      <c r="N18" s="1560"/>
    </row>
    <row r="19" spans="1:14" ht="26.25" customHeight="1">
      <c r="A19" s="491"/>
      <c r="B19" s="89"/>
      <c r="C19" s="90"/>
      <c r="D19" s="92" t="s">
        <v>315</v>
      </c>
      <c r="E19" s="92"/>
      <c r="F19" s="92"/>
      <c r="G19" s="92"/>
      <c r="H19" s="92"/>
      <c r="I19" s="92"/>
      <c r="J19" s="92"/>
      <c r="K19" s="92"/>
      <c r="L19" s="92"/>
      <c r="M19" s="92"/>
      <c r="N19" s="1561"/>
    </row>
    <row r="20" spans="1:14" ht="26.25" customHeight="1">
      <c r="A20" s="491"/>
      <c r="B20" s="46"/>
      <c r="C20" s="47"/>
      <c r="D20" s="92"/>
      <c r="E20" s="92"/>
      <c r="F20" s="92"/>
      <c r="G20" s="92"/>
      <c r="H20" s="92"/>
      <c r="I20" s="92"/>
      <c r="J20" s="92"/>
      <c r="K20" s="92"/>
      <c r="L20" s="92"/>
      <c r="M20" s="92"/>
      <c r="N20" s="1561"/>
    </row>
    <row r="21" spans="1:14" ht="22.15" customHeight="1">
      <c r="A21" s="1091" t="s">
        <v>203</v>
      </c>
      <c r="B21" s="13" t="s">
        <v>312</v>
      </c>
      <c r="C21" s="1047"/>
      <c r="D21" s="559"/>
      <c r="E21" s="559"/>
      <c r="F21" s="560"/>
      <c r="G21" s="31" t="s">
        <v>255</v>
      </c>
      <c r="H21" s="32"/>
      <c r="I21" s="559"/>
      <c r="J21" s="559"/>
      <c r="K21" s="559"/>
      <c r="L21" s="559"/>
      <c r="M21" s="559"/>
      <c r="N21" s="1048"/>
    </row>
    <row r="22" spans="1:14" ht="22.15" customHeight="1">
      <c r="A22" s="1562"/>
      <c r="B22" s="1367" t="s">
        <v>312</v>
      </c>
      <c r="C22" s="1047"/>
      <c r="D22" s="559"/>
      <c r="E22" s="559"/>
      <c r="F22" s="560"/>
      <c r="G22" s="31" t="s">
        <v>255</v>
      </c>
      <c r="H22" s="32"/>
      <c r="I22" s="559"/>
      <c r="J22" s="559"/>
      <c r="K22" s="559"/>
      <c r="L22" s="559"/>
      <c r="M22" s="559"/>
      <c r="N22" s="1048"/>
    </row>
    <row r="23" spans="1:14" ht="15" customHeight="1">
      <c r="A23" s="1563" t="s">
        <v>32</v>
      </c>
      <c r="B23" s="1564"/>
      <c r="C23" s="1564"/>
      <c r="D23" s="1564"/>
      <c r="E23" s="1564"/>
      <c r="F23" s="1564"/>
      <c r="G23" s="1564"/>
      <c r="H23" s="1564"/>
      <c r="I23" s="1564"/>
      <c r="J23" s="1564"/>
      <c r="K23" s="1564"/>
      <c r="L23" s="1564"/>
      <c r="M23" s="1564"/>
      <c r="N23" s="1565"/>
    </row>
    <row r="24" spans="1:14" ht="15" customHeight="1">
      <c r="A24" s="819" t="s">
        <v>236</v>
      </c>
      <c r="B24" s="608"/>
      <c r="C24" s="608"/>
      <c r="D24" s="1547"/>
      <c r="E24" s="125" t="s">
        <v>316</v>
      </c>
      <c r="F24" s="460"/>
      <c r="G24" s="125" t="s">
        <v>317</v>
      </c>
      <c r="H24" s="126"/>
      <c r="I24" s="125" t="s">
        <v>318</v>
      </c>
      <c r="J24" s="126"/>
      <c r="K24" s="1546"/>
      <c r="L24" s="608"/>
      <c r="M24" s="608"/>
      <c r="N24" s="1271"/>
    </row>
    <row r="25" spans="1:14" ht="15" customHeight="1">
      <c r="A25" s="1566"/>
      <c r="B25" s="1567"/>
      <c r="C25" s="1567"/>
      <c r="D25" s="1568"/>
      <c r="E25" s="130" t="s">
        <v>41</v>
      </c>
      <c r="F25" s="131" t="s">
        <v>42</v>
      </c>
      <c r="G25" s="130" t="s">
        <v>41</v>
      </c>
      <c r="H25" s="131" t="s">
        <v>42</v>
      </c>
      <c r="I25" s="131" t="s">
        <v>41</v>
      </c>
      <c r="J25" s="130" t="s">
        <v>43</v>
      </c>
      <c r="K25" s="1569"/>
      <c r="L25" s="1567"/>
      <c r="M25" s="1567"/>
      <c r="N25" s="1570"/>
    </row>
    <row r="26" spans="1:14" ht="15" customHeight="1">
      <c r="A26" s="133"/>
      <c r="B26" s="116" t="s">
        <v>45</v>
      </c>
      <c r="C26" s="117"/>
      <c r="D26" s="134"/>
      <c r="E26" s="130"/>
      <c r="F26" s="131"/>
      <c r="G26" s="130"/>
      <c r="H26" s="1571"/>
      <c r="I26" s="131"/>
      <c r="J26" s="130"/>
      <c r="K26" s="1569"/>
      <c r="L26" s="1567"/>
      <c r="M26" s="1567"/>
      <c r="N26" s="1570"/>
    </row>
    <row r="27" spans="1:14" ht="15" customHeight="1">
      <c r="A27" s="133"/>
      <c r="B27" s="118" t="s">
        <v>46</v>
      </c>
      <c r="C27" s="21"/>
      <c r="D27" s="115"/>
      <c r="E27" s="1572"/>
      <c r="F27" s="1573"/>
      <c r="G27" s="1572"/>
      <c r="H27" s="1574"/>
      <c r="I27" s="131"/>
      <c r="J27" s="130"/>
      <c r="K27" s="1575"/>
      <c r="L27" s="1576"/>
      <c r="M27" s="1576"/>
      <c r="N27" s="1577"/>
    </row>
    <row r="28" spans="1:14" ht="15" customHeight="1">
      <c r="A28" s="1104"/>
      <c r="B28" s="30" t="s">
        <v>47</v>
      </c>
      <c r="C28" s="30"/>
      <c r="D28" s="30"/>
      <c r="E28" s="1049"/>
      <c r="F28" s="1049"/>
      <c r="G28" s="1049"/>
      <c r="H28" s="1049"/>
      <c r="I28" s="1105"/>
      <c r="J28" s="1106"/>
      <c r="K28" s="1466"/>
      <c r="L28" s="1467"/>
      <c r="M28" s="1467"/>
      <c r="N28" s="1578"/>
    </row>
    <row r="29" spans="1:14" ht="15" customHeight="1">
      <c r="A29" s="1110" t="s">
        <v>319</v>
      </c>
      <c r="B29" s="1111"/>
      <c r="C29" s="1111"/>
      <c r="D29" s="1579"/>
      <c r="E29" s="548"/>
      <c r="F29" s="549"/>
      <c r="G29" s="1580" t="s">
        <v>178</v>
      </c>
      <c r="H29" s="1581"/>
      <c r="I29" s="1124"/>
      <c r="J29" s="1124"/>
      <c r="K29" s="1124"/>
      <c r="L29" s="1124"/>
      <c r="M29" s="1124"/>
      <c r="N29" s="1582"/>
    </row>
    <row r="30" spans="1:14" ht="15" customHeight="1">
      <c r="A30" s="1563" t="s">
        <v>166</v>
      </c>
      <c r="B30" s="1049"/>
      <c r="C30" s="1049"/>
      <c r="D30" s="1049"/>
      <c r="E30" s="1049"/>
      <c r="F30" s="1583"/>
      <c r="G30" s="1049"/>
      <c r="H30" s="1564"/>
      <c r="I30" s="1564"/>
      <c r="J30" s="1564"/>
      <c r="K30" s="1564"/>
      <c r="L30" s="1564"/>
      <c r="M30" s="1564"/>
      <c r="N30" s="1565"/>
    </row>
    <row r="31" spans="1:14" ht="15" customHeight="1">
      <c r="A31" s="155"/>
      <c r="B31" s="30" t="s">
        <v>210</v>
      </c>
      <c r="C31" s="30"/>
      <c r="D31" s="30"/>
      <c r="E31" s="1584"/>
      <c r="F31" s="1284" t="s">
        <v>177</v>
      </c>
      <c r="G31" s="32"/>
      <c r="H31" s="30"/>
      <c r="I31" s="30"/>
      <c r="J31" s="30"/>
      <c r="K31" s="30"/>
      <c r="L31" s="30"/>
      <c r="M31" s="30"/>
      <c r="N31" s="1511"/>
    </row>
    <row r="32" spans="1:14" s="1589" customFormat="1" ht="24" customHeight="1">
      <c r="A32" s="155"/>
      <c r="B32" s="1060" t="s">
        <v>320</v>
      </c>
      <c r="C32" s="1060"/>
      <c r="D32" s="1060"/>
      <c r="E32" s="1584"/>
      <c r="F32" s="1585" t="s">
        <v>321</v>
      </c>
      <c r="G32" s="1586" t="s">
        <v>322</v>
      </c>
      <c r="H32" s="1587"/>
      <c r="I32" s="1587"/>
      <c r="J32" s="1587"/>
      <c r="K32" s="810"/>
      <c r="L32" s="552"/>
      <c r="M32" s="552"/>
      <c r="N32" s="1588" t="s">
        <v>321</v>
      </c>
    </row>
    <row r="33" spans="1:14" ht="24" customHeight="1">
      <c r="A33" s="155"/>
      <c r="B33" s="30" t="s">
        <v>323</v>
      </c>
      <c r="C33" s="363"/>
      <c r="D33" s="1590"/>
      <c r="E33" s="1591"/>
      <c r="F33" s="1284" t="s">
        <v>177</v>
      </c>
      <c r="G33" s="1586" t="s">
        <v>324</v>
      </c>
      <c r="H33" s="1587"/>
      <c r="I33" s="1587"/>
      <c r="J33" s="1587"/>
      <c r="K33" s="31"/>
      <c r="L33" s="820"/>
      <c r="M33" s="820"/>
      <c r="N33" s="1132" t="s">
        <v>178</v>
      </c>
    </row>
    <row r="34" spans="1:14" s="1133" customFormat="1" ht="15" customHeight="1">
      <c r="A34" s="1120" t="s">
        <v>213</v>
      </c>
      <c r="B34" s="820"/>
      <c r="C34" s="820"/>
      <c r="D34" s="32"/>
      <c r="E34" s="1130"/>
      <c r="F34" s="1284" t="s">
        <v>178</v>
      </c>
      <c r="G34" s="1592"/>
      <c r="H34" s="1592"/>
      <c r="I34" s="1592"/>
      <c r="J34" s="1592"/>
      <c r="K34" s="1593"/>
      <c r="L34" s="1594"/>
      <c r="M34" s="1594"/>
      <c r="N34" s="1595"/>
    </row>
    <row r="35" spans="1:14" s="1133" customFormat="1" ht="15" customHeight="1">
      <c r="A35" s="1120" t="s">
        <v>214</v>
      </c>
      <c r="B35" s="820"/>
      <c r="C35" s="820"/>
      <c r="D35" s="32"/>
      <c r="E35" s="1130"/>
      <c r="F35" s="1284" t="s">
        <v>178</v>
      </c>
      <c r="G35" s="30" t="s">
        <v>325</v>
      </c>
      <c r="H35" s="30"/>
      <c r="I35" s="30"/>
      <c r="J35" s="31"/>
      <c r="K35" s="561"/>
      <c r="L35" s="474"/>
      <c r="M35" s="474"/>
      <c r="N35" s="1596" t="s">
        <v>178</v>
      </c>
    </row>
    <row r="36" spans="1:14" s="1133" customFormat="1" ht="15" customHeight="1">
      <c r="A36" s="1597" t="s">
        <v>326</v>
      </c>
      <c r="B36" s="1598"/>
      <c r="C36" s="1598"/>
      <c r="D36" s="1599"/>
      <c r="E36" s="1600"/>
      <c r="F36" s="1601" t="s">
        <v>178</v>
      </c>
    </row>
    <row r="37" spans="1:14" s="1133" customFormat="1" ht="15" customHeight="1">
      <c r="A37" s="1120" t="s">
        <v>216</v>
      </c>
      <c r="B37" s="820"/>
      <c r="C37" s="820"/>
      <c r="D37" s="32"/>
      <c r="E37" s="31"/>
      <c r="F37" s="820"/>
      <c r="G37" s="820"/>
      <c r="H37" s="820"/>
      <c r="I37" s="820"/>
      <c r="J37" s="820"/>
      <c r="K37" s="820"/>
      <c r="L37" s="820"/>
      <c r="M37" s="820"/>
      <c r="N37" s="1147"/>
    </row>
    <row r="38" spans="1:14" ht="15" customHeight="1" thickBot="1">
      <c r="A38" s="824" t="s">
        <v>48</v>
      </c>
      <c r="B38" s="528"/>
      <c r="C38" s="528"/>
      <c r="D38" s="159"/>
      <c r="E38" s="1602" t="s">
        <v>264</v>
      </c>
      <c r="F38" s="1602"/>
      <c r="G38" s="1602"/>
      <c r="H38" s="1602"/>
      <c r="I38" s="1602"/>
      <c r="J38" s="1602"/>
      <c r="K38" s="1602"/>
      <c r="L38" s="1602"/>
      <c r="M38" s="1602"/>
      <c r="N38" s="1603"/>
    </row>
    <row r="39" spans="1:14" ht="29.25" customHeight="1" thickBot="1">
      <c r="A39" s="148" t="s">
        <v>327</v>
      </c>
      <c r="B39" s="149"/>
      <c r="C39" s="149"/>
      <c r="D39" s="149"/>
      <c r="E39" s="149"/>
      <c r="F39" s="149"/>
      <c r="G39" s="149"/>
      <c r="H39" s="149"/>
      <c r="I39" s="149"/>
      <c r="J39" s="149"/>
      <c r="K39" s="149"/>
      <c r="L39" s="149"/>
      <c r="M39" s="149"/>
      <c r="N39" s="149"/>
    </row>
    <row r="40" spans="1:14" ht="15" customHeight="1">
      <c r="A40" s="150" t="s">
        <v>91</v>
      </c>
      <c r="B40" s="151" t="s">
        <v>3</v>
      </c>
      <c r="C40" s="153"/>
      <c r="D40" s="153"/>
      <c r="E40" s="153"/>
      <c r="F40" s="153"/>
      <c r="G40" s="153"/>
      <c r="H40" s="153"/>
      <c r="I40" s="153"/>
      <c r="J40" s="153"/>
      <c r="K40" s="153"/>
      <c r="L40" s="153"/>
      <c r="M40" s="153"/>
      <c r="N40" s="154"/>
    </row>
    <row r="41" spans="1:14" ht="25.9" customHeight="1">
      <c r="A41" s="155"/>
      <c r="B41" s="9" t="s">
        <v>4</v>
      </c>
      <c r="C41" s="14"/>
      <c r="D41" s="14"/>
      <c r="E41" s="14"/>
      <c r="F41" s="14"/>
      <c r="G41" s="14"/>
      <c r="H41" s="14"/>
      <c r="I41" s="14"/>
      <c r="J41" s="14"/>
      <c r="K41" s="14"/>
      <c r="L41" s="14"/>
      <c r="M41" s="14"/>
      <c r="N41" s="15"/>
    </row>
    <row r="42" spans="1:14" ht="15" customHeight="1">
      <c r="A42" s="155"/>
      <c r="B42" s="16" t="s">
        <v>5</v>
      </c>
      <c r="C42" s="534" t="s">
        <v>308</v>
      </c>
      <c r="D42" s="21"/>
      <c r="E42" s="18"/>
      <c r="F42" s="19" t="s">
        <v>328</v>
      </c>
      <c r="G42" s="18"/>
      <c r="H42" s="19" t="s">
        <v>309</v>
      </c>
      <c r="I42" s="21"/>
      <c r="J42" s="21"/>
      <c r="K42" s="21"/>
      <c r="L42" s="21"/>
      <c r="M42" s="21"/>
      <c r="N42" s="22"/>
    </row>
    <row r="43" spans="1:14" ht="15" customHeight="1">
      <c r="A43" s="155"/>
      <c r="B43" s="23"/>
      <c r="C43" s="1053"/>
      <c r="D43" s="276"/>
      <c r="E43" s="277" t="s">
        <v>9</v>
      </c>
      <c r="F43" s="276"/>
      <c r="G43" s="276"/>
      <c r="H43" s="276"/>
      <c r="I43" s="277" t="s">
        <v>10</v>
      </c>
      <c r="J43" s="276"/>
      <c r="K43" s="276"/>
      <c r="L43" s="276"/>
      <c r="M43" s="276"/>
      <c r="N43" s="279"/>
    </row>
    <row r="44" spans="1:14" ht="15" customHeight="1">
      <c r="A44" s="155"/>
      <c r="B44" s="23"/>
      <c r="C44" s="1053"/>
      <c r="D44" s="276"/>
      <c r="E44" s="277" t="s">
        <v>11</v>
      </c>
      <c r="F44" s="276"/>
      <c r="G44" s="276"/>
      <c r="H44" s="276"/>
      <c r="I44" s="277" t="s">
        <v>95</v>
      </c>
      <c r="J44" s="276"/>
      <c r="K44" s="276"/>
      <c r="L44" s="276"/>
      <c r="M44" s="276"/>
      <c r="N44" s="279"/>
    </row>
    <row r="45" spans="1:14" ht="19.149999999999999" customHeight="1">
      <c r="A45" s="155"/>
      <c r="B45" s="29"/>
      <c r="C45" s="10"/>
      <c r="D45" s="11"/>
      <c r="E45" s="11"/>
      <c r="F45" s="11"/>
      <c r="G45" s="11"/>
      <c r="H45" s="11"/>
      <c r="I45" s="11"/>
      <c r="J45" s="11"/>
      <c r="K45" s="11"/>
      <c r="L45" s="11"/>
      <c r="M45" s="11"/>
      <c r="N45" s="12"/>
    </row>
    <row r="46" spans="1:14" ht="15" customHeight="1">
      <c r="A46" s="155"/>
      <c r="B46" s="30" t="s">
        <v>13</v>
      </c>
      <c r="C46" s="1284" t="s">
        <v>14</v>
      </c>
      <c r="D46" s="33"/>
      <c r="E46" s="34"/>
      <c r="F46" s="34"/>
      <c r="G46" s="35" t="s">
        <v>15</v>
      </c>
      <c r="H46" s="1538"/>
      <c r="I46" s="37" t="s">
        <v>73</v>
      </c>
      <c r="J46" s="33"/>
      <c r="K46" s="34"/>
      <c r="L46" s="34"/>
      <c r="M46" s="34"/>
      <c r="N46" s="38"/>
    </row>
    <row r="47" spans="1:14" ht="15" customHeight="1">
      <c r="A47" s="1604"/>
      <c r="B47" s="16"/>
      <c r="C47" s="13" t="s">
        <v>17</v>
      </c>
      <c r="D47" s="33"/>
      <c r="E47" s="34"/>
      <c r="F47" s="34"/>
      <c r="G47" s="34"/>
      <c r="H47" s="34"/>
      <c r="I47" s="34"/>
      <c r="J47" s="34"/>
      <c r="K47" s="34"/>
      <c r="L47" s="34"/>
      <c r="M47" s="34"/>
      <c r="N47" s="38"/>
    </row>
    <row r="48" spans="1:14" ht="15" customHeight="1">
      <c r="A48" s="1563" t="s">
        <v>166</v>
      </c>
      <c r="B48" s="1564"/>
      <c r="C48" s="1564"/>
      <c r="D48" s="1564"/>
      <c r="E48" s="1564"/>
      <c r="F48" s="1564"/>
      <c r="G48" s="1564"/>
      <c r="H48" s="1564"/>
      <c r="I48" s="1564"/>
      <c r="J48" s="1564"/>
      <c r="K48" s="1564"/>
      <c r="L48" s="1564"/>
      <c r="M48" s="1564"/>
      <c r="N48" s="1565"/>
    </row>
    <row r="49" spans="1:14" ht="15" customHeight="1">
      <c r="A49" s="155"/>
      <c r="B49" s="30" t="s">
        <v>210</v>
      </c>
      <c r="C49" s="30"/>
      <c r="D49" s="30"/>
      <c r="E49" s="1254"/>
      <c r="F49" s="1284" t="s">
        <v>177</v>
      </c>
      <c r="G49" s="30"/>
      <c r="H49" s="30"/>
      <c r="I49" s="30"/>
      <c r="J49" s="30"/>
      <c r="K49" s="30"/>
      <c r="L49" s="30"/>
      <c r="M49" s="30"/>
      <c r="N49" s="1511"/>
    </row>
    <row r="50" spans="1:14" ht="24" customHeight="1">
      <c r="A50" s="155"/>
      <c r="B50" s="1060" t="s">
        <v>320</v>
      </c>
      <c r="C50" s="1060"/>
      <c r="D50" s="1060"/>
      <c r="E50" s="1254"/>
      <c r="F50" s="1284" t="s">
        <v>321</v>
      </c>
      <c r="G50" s="355" t="s">
        <v>322</v>
      </c>
      <c r="H50" s="1605"/>
      <c r="I50" s="1605"/>
      <c r="J50" s="1605"/>
      <c r="K50" s="1605"/>
      <c r="L50" s="1606"/>
      <c r="M50" s="1607"/>
      <c r="N50" s="1131" t="s">
        <v>321</v>
      </c>
    </row>
    <row r="51" spans="1:14" ht="24" customHeight="1">
      <c r="A51" s="155"/>
      <c r="B51" s="30" t="s">
        <v>323</v>
      </c>
      <c r="C51" s="363"/>
      <c r="D51" s="363"/>
      <c r="E51" s="1608"/>
      <c r="F51" s="1284" t="s">
        <v>177</v>
      </c>
      <c r="G51" s="355" t="s">
        <v>324</v>
      </c>
      <c r="H51" s="355"/>
      <c r="I51" s="355"/>
      <c r="J51" s="355"/>
      <c r="K51" s="355"/>
      <c r="L51" s="1112"/>
      <c r="M51" s="1113"/>
      <c r="N51" s="1131" t="s">
        <v>178</v>
      </c>
    </row>
    <row r="52" spans="1:14" s="1133" customFormat="1" ht="15" customHeight="1">
      <c r="A52" s="1120" t="s">
        <v>213</v>
      </c>
      <c r="B52" s="820"/>
      <c r="C52" s="820"/>
      <c r="D52" s="32"/>
      <c r="E52" s="1130"/>
      <c r="F52" s="1284" t="s">
        <v>178</v>
      </c>
      <c r="G52" s="1593"/>
      <c r="H52" s="1593"/>
      <c r="I52" s="1593"/>
      <c r="J52" s="1593"/>
      <c r="K52" s="1593"/>
      <c r="L52" s="1593"/>
      <c r="M52" s="1593"/>
      <c r="N52" s="1595"/>
    </row>
    <row r="53" spans="1:14" s="1133" customFormat="1" ht="15" customHeight="1">
      <c r="A53" s="1120" t="s">
        <v>214</v>
      </c>
      <c r="B53" s="820"/>
      <c r="C53" s="820"/>
      <c r="D53" s="32"/>
      <c r="E53" s="1130"/>
      <c r="F53" s="562" t="s">
        <v>178</v>
      </c>
      <c r="G53" s="31" t="s">
        <v>325</v>
      </c>
      <c r="H53" s="820"/>
      <c r="I53" s="820"/>
      <c r="J53" s="820"/>
      <c r="K53" s="32"/>
      <c r="L53" s="1113"/>
      <c r="M53" s="1113"/>
      <c r="N53" s="1609" t="s">
        <v>178</v>
      </c>
    </row>
    <row r="54" spans="1:14" s="1133" customFormat="1" ht="15" customHeight="1" thickBot="1">
      <c r="A54" s="824" t="s">
        <v>216</v>
      </c>
      <c r="B54" s="528"/>
      <c r="C54" s="528"/>
      <c r="D54" s="159"/>
      <c r="E54" s="1515"/>
      <c r="F54" s="1610"/>
      <c r="G54" s="1610"/>
      <c r="H54" s="1610"/>
      <c r="I54" s="1610"/>
      <c r="J54" s="1610"/>
      <c r="K54" s="1610"/>
      <c r="L54" s="1610"/>
      <c r="M54" s="1610"/>
      <c r="N54" s="529"/>
    </row>
    <row r="55" spans="1:14" s="1133" customFormat="1" ht="17.25" customHeight="1">
      <c r="A55" s="593"/>
      <c r="B55" s="593"/>
      <c r="C55" s="593"/>
      <c r="D55" s="26"/>
      <c r="E55" s="26"/>
      <c r="F55" s="26"/>
      <c r="G55" s="26"/>
      <c r="H55" s="26"/>
      <c r="I55" s="26"/>
      <c r="J55" s="26"/>
      <c r="K55" s="26" t="s">
        <v>143</v>
      </c>
      <c r="L55" s="26"/>
      <c r="M55" s="26"/>
      <c r="N55" s="26"/>
    </row>
    <row r="56" spans="1:14" s="1589" customFormat="1" ht="15" customHeight="1">
      <c r="A56" s="1589" t="s">
        <v>52</v>
      </c>
      <c r="B56" s="1611" t="s">
        <v>329</v>
      </c>
      <c r="C56" s="1612"/>
      <c r="D56" s="1612"/>
      <c r="E56" s="1612"/>
      <c r="F56" s="1612"/>
      <c r="G56" s="1612"/>
      <c r="H56" s="1612"/>
      <c r="I56" s="1612"/>
      <c r="J56" s="1612"/>
      <c r="K56" s="1612"/>
      <c r="L56" s="1612"/>
      <c r="M56" s="1612"/>
      <c r="N56" s="1612"/>
    </row>
    <row r="57" spans="1:14" s="1589" customFormat="1" ht="15" customHeight="1">
      <c r="A57" s="1613"/>
      <c r="B57" s="1612"/>
      <c r="C57" s="1612"/>
      <c r="D57" s="1612"/>
      <c r="E57" s="1612"/>
      <c r="F57" s="1612"/>
      <c r="G57" s="1612"/>
      <c r="H57" s="1612"/>
      <c r="I57" s="1612"/>
      <c r="J57" s="1612"/>
      <c r="K57" s="1612"/>
      <c r="L57" s="1612"/>
      <c r="M57" s="1612"/>
      <c r="N57" s="1612"/>
    </row>
    <row r="58" spans="1:14" s="1589" customFormat="1" ht="15" customHeight="1">
      <c r="A58" s="1614"/>
      <c r="B58" s="1612"/>
      <c r="C58" s="1612"/>
      <c r="D58" s="1612"/>
      <c r="E58" s="1612"/>
      <c r="F58" s="1612"/>
      <c r="G58" s="1612"/>
      <c r="H58" s="1612"/>
      <c r="I58" s="1612"/>
      <c r="J58" s="1612"/>
      <c r="K58" s="1612"/>
      <c r="L58" s="1612"/>
      <c r="M58" s="1612"/>
      <c r="N58" s="1612"/>
    </row>
    <row r="59" spans="1:14" s="1589" customFormat="1" ht="24.95" customHeight="1">
      <c r="A59" s="1613"/>
      <c r="B59" s="1612"/>
      <c r="C59" s="1612"/>
      <c r="D59" s="1612"/>
      <c r="E59" s="1612"/>
      <c r="F59" s="1612"/>
      <c r="G59" s="1612"/>
      <c r="H59" s="1612"/>
      <c r="I59" s="1612"/>
      <c r="J59" s="1612"/>
      <c r="K59" s="1612"/>
      <c r="L59" s="1612"/>
      <c r="M59" s="1612"/>
      <c r="N59" s="1612"/>
    </row>
  </sheetData>
  <mergeCells count="113">
    <mergeCell ref="B56:N59"/>
    <mergeCell ref="A52:D52"/>
    <mergeCell ref="G52:N52"/>
    <mergeCell ref="A53:D53"/>
    <mergeCell ref="G53:K53"/>
    <mergeCell ref="L53:M53"/>
    <mergeCell ref="A54:D54"/>
    <mergeCell ref="A48:N48"/>
    <mergeCell ref="A49:A51"/>
    <mergeCell ref="B49:D49"/>
    <mergeCell ref="G49:N49"/>
    <mergeCell ref="B50:D50"/>
    <mergeCell ref="G50:K50"/>
    <mergeCell ref="L50:M50"/>
    <mergeCell ref="B51:D51"/>
    <mergeCell ref="G51:K51"/>
    <mergeCell ref="L51:M51"/>
    <mergeCell ref="I42:N42"/>
    <mergeCell ref="C43:D44"/>
    <mergeCell ref="F43:H44"/>
    <mergeCell ref="J43:N44"/>
    <mergeCell ref="C45:N45"/>
    <mergeCell ref="B46:B47"/>
    <mergeCell ref="D46:F46"/>
    <mergeCell ref="J46:N46"/>
    <mergeCell ref="D47:N47"/>
    <mergeCell ref="A37:D37"/>
    <mergeCell ref="E37:N37"/>
    <mergeCell ref="A38:D38"/>
    <mergeCell ref="E38:N38"/>
    <mergeCell ref="A39:N39"/>
    <mergeCell ref="A40:A47"/>
    <mergeCell ref="C40:N40"/>
    <mergeCell ref="C41:N41"/>
    <mergeCell ref="B42:B45"/>
    <mergeCell ref="C42:D42"/>
    <mergeCell ref="A34:D34"/>
    <mergeCell ref="G34:N34"/>
    <mergeCell ref="A35:D35"/>
    <mergeCell ref="G35:J35"/>
    <mergeCell ref="K35:M35"/>
    <mergeCell ref="A36:D36"/>
    <mergeCell ref="A30:N30"/>
    <mergeCell ref="A31:A33"/>
    <mergeCell ref="B31:D31"/>
    <mergeCell ref="G31:N31"/>
    <mergeCell ref="B32:D32"/>
    <mergeCell ref="G32:J32"/>
    <mergeCell ref="K32:M32"/>
    <mergeCell ref="B33:D33"/>
    <mergeCell ref="G33:J33"/>
    <mergeCell ref="K33:M33"/>
    <mergeCell ref="B28:D28"/>
    <mergeCell ref="E28:F28"/>
    <mergeCell ref="G28:H28"/>
    <mergeCell ref="I28:J28"/>
    <mergeCell ref="K28:N28"/>
    <mergeCell ref="A29:D29"/>
    <mergeCell ref="E29:F29"/>
    <mergeCell ref="H29:N29"/>
    <mergeCell ref="I22:N22"/>
    <mergeCell ref="A23:N23"/>
    <mergeCell ref="A24:D25"/>
    <mergeCell ref="E24:F24"/>
    <mergeCell ref="G24:H24"/>
    <mergeCell ref="I24:J24"/>
    <mergeCell ref="K24:N27"/>
    <mergeCell ref="A26:A28"/>
    <mergeCell ref="B26:D26"/>
    <mergeCell ref="B27:D27"/>
    <mergeCell ref="E17:N17"/>
    <mergeCell ref="E18:N18"/>
    <mergeCell ref="D19:D20"/>
    <mergeCell ref="E19:N20"/>
    <mergeCell ref="A21:A22"/>
    <mergeCell ref="C21:F21"/>
    <mergeCell ref="G21:H21"/>
    <mergeCell ref="I21:N21"/>
    <mergeCell ref="C22:F22"/>
    <mergeCell ref="G22:H22"/>
    <mergeCell ref="A13:A20"/>
    <mergeCell ref="C13:F13"/>
    <mergeCell ref="G13:H15"/>
    <mergeCell ref="L13:M13"/>
    <mergeCell ref="C14:F14"/>
    <mergeCell ref="I14:N15"/>
    <mergeCell ref="C15:F15"/>
    <mergeCell ref="B16:D16"/>
    <mergeCell ref="E16:N16"/>
    <mergeCell ref="B17:C20"/>
    <mergeCell ref="A11:B12"/>
    <mergeCell ref="C11:D11"/>
    <mergeCell ref="E11:F11"/>
    <mergeCell ref="G11:N11"/>
    <mergeCell ref="C12:D12"/>
    <mergeCell ref="E12:H12"/>
    <mergeCell ref="J12:N12"/>
    <mergeCell ref="J6:N7"/>
    <mergeCell ref="C8:N8"/>
    <mergeCell ref="B9:B10"/>
    <mergeCell ref="D9:F9"/>
    <mergeCell ref="J9:N9"/>
    <mergeCell ref="D10:N10"/>
    <mergeCell ref="A1:N1"/>
    <mergeCell ref="A2:A10"/>
    <mergeCell ref="C2:N2"/>
    <mergeCell ref="C3:N3"/>
    <mergeCell ref="C4:N4"/>
    <mergeCell ref="B5:B8"/>
    <mergeCell ref="C5:D5"/>
    <mergeCell ref="H5:N5"/>
    <mergeCell ref="C6:D7"/>
    <mergeCell ref="F6:H7"/>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41" r:id="rId4" name="Check Box 1">
              <controlPr defaultSize="0" autoFill="0" autoLine="0" autoPict="0">
                <anchor moveWithCells="1">
                  <from>
                    <xdr:col>2</xdr:col>
                    <xdr:colOff>152400</xdr:colOff>
                    <xdr:row>9</xdr:row>
                    <xdr:rowOff>171450</xdr:rowOff>
                  </from>
                  <to>
                    <xdr:col>2</xdr:col>
                    <xdr:colOff>733425</xdr:colOff>
                    <xdr:row>11</xdr:row>
                    <xdr:rowOff>19050</xdr:rowOff>
                  </to>
                </anchor>
              </controlPr>
            </control>
          </mc:Choice>
        </mc:AlternateContent>
        <mc:AlternateContent xmlns:mc="http://schemas.openxmlformats.org/markup-compatibility/2006">
          <mc:Choice Requires="x14">
            <control shapeId="10242" r:id="rId5" name="Check Box 2">
              <controlPr defaultSize="0" autoFill="0" autoLine="0" autoPict="0">
                <anchor moveWithCells="1">
                  <from>
                    <xdr:col>3</xdr:col>
                    <xdr:colOff>66675</xdr:colOff>
                    <xdr:row>9</xdr:row>
                    <xdr:rowOff>171450</xdr:rowOff>
                  </from>
                  <to>
                    <xdr:col>3</xdr:col>
                    <xdr:colOff>742950</xdr:colOff>
                    <xdr:row>11</xdr:row>
                    <xdr:rowOff>19050</xdr:rowOff>
                  </to>
                </anchor>
              </controlPr>
            </control>
          </mc:Choice>
        </mc:AlternateContent>
        <mc:AlternateContent xmlns:mc="http://schemas.openxmlformats.org/markup-compatibility/2006">
          <mc:Choice Requires="x14">
            <control shapeId="10243" r:id="rId6" name="Check Box 3">
              <controlPr defaultSize="0" autoFill="0" autoLine="0" autoPict="0">
                <anchor moveWithCells="1">
                  <from>
                    <xdr:col>6</xdr:col>
                    <xdr:colOff>152400</xdr:colOff>
                    <xdr:row>9</xdr:row>
                    <xdr:rowOff>161925</xdr:rowOff>
                  </from>
                  <to>
                    <xdr:col>7</xdr:col>
                    <xdr:colOff>390525</xdr:colOff>
                    <xdr:row>11</xdr:row>
                    <xdr:rowOff>47625</xdr:rowOff>
                  </to>
                </anchor>
              </controlPr>
            </control>
          </mc:Choice>
        </mc:AlternateContent>
        <mc:AlternateContent xmlns:mc="http://schemas.openxmlformats.org/markup-compatibility/2006">
          <mc:Choice Requires="x14">
            <control shapeId="10244" r:id="rId7" name="Check Box 4">
              <controlPr defaultSize="0" autoFill="0" autoLine="0" autoPict="0">
                <anchor moveWithCells="1">
                  <from>
                    <xdr:col>7</xdr:col>
                    <xdr:colOff>219075</xdr:colOff>
                    <xdr:row>9</xdr:row>
                    <xdr:rowOff>161925</xdr:rowOff>
                  </from>
                  <to>
                    <xdr:col>8</xdr:col>
                    <xdr:colOff>485775</xdr:colOff>
                    <xdr:row>11</xdr:row>
                    <xdr:rowOff>38100</xdr:rowOff>
                  </to>
                </anchor>
              </controlPr>
            </control>
          </mc:Choice>
        </mc:AlternateContent>
        <mc:AlternateContent xmlns:mc="http://schemas.openxmlformats.org/markup-compatibility/2006">
          <mc:Choice Requires="x14">
            <control shapeId="10245" r:id="rId8" name="Check Box 5">
              <controlPr defaultSize="0" autoFill="0" autoLine="0" autoPict="0">
                <anchor moveWithCells="1">
                  <from>
                    <xdr:col>8</xdr:col>
                    <xdr:colOff>371475</xdr:colOff>
                    <xdr:row>9</xdr:row>
                    <xdr:rowOff>152400</xdr:rowOff>
                  </from>
                  <to>
                    <xdr:col>13</xdr:col>
                    <xdr:colOff>19050</xdr:colOff>
                    <xdr:row>11</xdr:row>
                    <xdr:rowOff>38100</xdr:rowOff>
                  </to>
                </anchor>
              </controlPr>
            </control>
          </mc:Choice>
        </mc:AlternateContent>
        <mc:AlternateContent xmlns:mc="http://schemas.openxmlformats.org/markup-compatibility/2006">
          <mc:Choice Requires="x14">
            <control shapeId="10246" r:id="rId9" name="Check Box 6">
              <controlPr defaultSize="0" autoFill="0" autoLine="0" autoPict="0">
                <anchor moveWithCells="1">
                  <from>
                    <xdr:col>4</xdr:col>
                    <xdr:colOff>123825</xdr:colOff>
                    <xdr:row>35</xdr:row>
                    <xdr:rowOff>152400</xdr:rowOff>
                  </from>
                  <to>
                    <xdr:col>5</xdr:col>
                    <xdr:colOff>428625</xdr:colOff>
                    <xdr:row>37</xdr:row>
                    <xdr:rowOff>47625</xdr:rowOff>
                  </to>
                </anchor>
              </controlPr>
            </control>
          </mc:Choice>
        </mc:AlternateContent>
        <mc:AlternateContent xmlns:mc="http://schemas.openxmlformats.org/markup-compatibility/2006">
          <mc:Choice Requires="x14">
            <control shapeId="10247" r:id="rId10" name="Check Box 7">
              <controlPr defaultSize="0" autoFill="0" autoLine="0" autoPict="0">
                <anchor moveWithCells="1">
                  <from>
                    <xdr:col>6</xdr:col>
                    <xdr:colOff>266700</xdr:colOff>
                    <xdr:row>35</xdr:row>
                    <xdr:rowOff>152400</xdr:rowOff>
                  </from>
                  <to>
                    <xdr:col>8</xdr:col>
                    <xdr:colOff>257175</xdr:colOff>
                    <xdr:row>37</xdr:row>
                    <xdr:rowOff>47625</xdr:rowOff>
                  </to>
                </anchor>
              </controlPr>
            </control>
          </mc:Choice>
        </mc:AlternateContent>
        <mc:AlternateContent xmlns:mc="http://schemas.openxmlformats.org/markup-compatibility/2006">
          <mc:Choice Requires="x14">
            <control shapeId="10248" r:id="rId11" name="Check Box 8">
              <controlPr defaultSize="0" autoFill="0" autoLine="0" autoPict="0">
                <anchor moveWithCells="1">
                  <from>
                    <xdr:col>9</xdr:col>
                    <xdr:colOff>0</xdr:colOff>
                    <xdr:row>35</xdr:row>
                    <xdr:rowOff>142875</xdr:rowOff>
                  </from>
                  <to>
                    <xdr:col>11</xdr:col>
                    <xdr:colOff>200025</xdr:colOff>
                    <xdr:row>37</xdr:row>
                    <xdr:rowOff>38100</xdr:rowOff>
                  </to>
                </anchor>
              </controlPr>
            </control>
          </mc:Choice>
        </mc:AlternateContent>
        <mc:AlternateContent xmlns:mc="http://schemas.openxmlformats.org/markup-compatibility/2006">
          <mc:Choice Requires="x14">
            <control shapeId="10249" r:id="rId12" name="Check Box 9">
              <controlPr defaultSize="0" autoFill="0" autoLine="0" autoPict="0">
                <anchor moveWithCells="1">
                  <from>
                    <xdr:col>4</xdr:col>
                    <xdr:colOff>123825</xdr:colOff>
                    <xdr:row>52</xdr:row>
                    <xdr:rowOff>142875</xdr:rowOff>
                  </from>
                  <to>
                    <xdr:col>5</xdr:col>
                    <xdr:colOff>428625</xdr:colOff>
                    <xdr:row>54</xdr:row>
                    <xdr:rowOff>47625</xdr:rowOff>
                  </to>
                </anchor>
              </controlPr>
            </control>
          </mc:Choice>
        </mc:AlternateContent>
        <mc:AlternateContent xmlns:mc="http://schemas.openxmlformats.org/markup-compatibility/2006">
          <mc:Choice Requires="x14">
            <control shapeId="10250" r:id="rId13" name="Check Box 10">
              <controlPr defaultSize="0" autoFill="0" autoLine="0" autoPict="0">
                <anchor moveWithCells="1">
                  <from>
                    <xdr:col>6</xdr:col>
                    <xdr:colOff>266700</xdr:colOff>
                    <xdr:row>52</xdr:row>
                    <xdr:rowOff>152400</xdr:rowOff>
                  </from>
                  <to>
                    <xdr:col>8</xdr:col>
                    <xdr:colOff>257175</xdr:colOff>
                    <xdr:row>54</xdr:row>
                    <xdr:rowOff>47625</xdr:rowOff>
                  </to>
                </anchor>
              </controlPr>
            </control>
          </mc:Choice>
        </mc:AlternateContent>
        <mc:AlternateContent xmlns:mc="http://schemas.openxmlformats.org/markup-compatibility/2006">
          <mc:Choice Requires="x14">
            <control shapeId="10251" r:id="rId14" name="Check Box 11">
              <controlPr defaultSize="0" autoFill="0" autoLine="0" autoPict="0">
                <anchor moveWithCells="1">
                  <from>
                    <xdr:col>9</xdr:col>
                    <xdr:colOff>0</xdr:colOff>
                    <xdr:row>52</xdr:row>
                    <xdr:rowOff>152400</xdr:rowOff>
                  </from>
                  <to>
                    <xdr:col>11</xdr:col>
                    <xdr:colOff>200025</xdr:colOff>
                    <xdr:row>54</xdr:row>
                    <xdr:rowOff>476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B72F7A-0BBF-41FE-ACDC-6689C09BC9F1}">
  <sheetPr>
    <pageSetUpPr fitToPage="1"/>
  </sheetPr>
  <dimension ref="A1:N22"/>
  <sheetViews>
    <sheetView view="pageBreakPreview" zoomScaleNormal="100" zoomScaleSheetLayoutView="100" workbookViewId="0">
      <selection activeCell="A2" sqref="A2:AK76"/>
    </sheetView>
  </sheetViews>
  <sheetFormatPr defaultColWidth="9.125" defaultRowHeight="16.5"/>
  <cols>
    <col min="1" max="1" width="7.75" style="171" customWidth="1"/>
    <col min="2" max="2" width="10.125" style="171" customWidth="1"/>
    <col min="3" max="12" width="9.125" style="171"/>
    <col min="13" max="13" width="9.125" style="171" customWidth="1"/>
    <col min="14" max="16384" width="9.125" style="171"/>
  </cols>
  <sheetData>
    <row r="1" spans="1:14" ht="36" customHeight="1">
      <c r="A1" s="170" t="s">
        <v>55</v>
      </c>
      <c r="B1" s="170"/>
      <c r="C1" s="170"/>
      <c r="D1" s="170"/>
      <c r="E1" s="170"/>
      <c r="F1" s="170"/>
      <c r="G1" s="170"/>
      <c r="H1" s="170"/>
      <c r="I1" s="170"/>
      <c r="J1" s="170"/>
      <c r="K1" s="170"/>
      <c r="L1" s="170"/>
      <c r="M1" s="170"/>
      <c r="N1" s="170"/>
    </row>
    <row r="2" spans="1:14" ht="23.45" customHeight="1" thickBot="1">
      <c r="A2" s="172" t="s">
        <v>56</v>
      </c>
      <c r="B2" s="172"/>
      <c r="C2" s="172"/>
      <c r="D2" s="172"/>
      <c r="E2" s="172"/>
      <c r="F2" s="172"/>
      <c r="G2" s="172"/>
      <c r="H2" s="172"/>
      <c r="I2" s="173"/>
      <c r="J2" s="173"/>
      <c r="K2" s="173"/>
      <c r="L2" s="173"/>
      <c r="M2" s="173"/>
      <c r="N2" s="173"/>
    </row>
    <row r="3" spans="1:14" ht="15" customHeight="1">
      <c r="A3" s="174" t="s">
        <v>28</v>
      </c>
      <c r="B3" s="175"/>
      <c r="C3" s="175"/>
      <c r="D3" s="175"/>
      <c r="E3" s="175"/>
      <c r="F3" s="175"/>
      <c r="G3" s="176"/>
      <c r="H3" s="177" t="s">
        <v>29</v>
      </c>
      <c r="I3" s="178"/>
      <c r="J3" s="178"/>
      <c r="K3" s="178"/>
      <c r="L3" s="178"/>
      <c r="M3" s="178"/>
      <c r="N3" s="179"/>
    </row>
    <row r="4" spans="1:14" ht="15" customHeight="1">
      <c r="A4" s="180"/>
      <c r="B4" s="181"/>
      <c r="C4" s="181"/>
      <c r="D4" s="181"/>
      <c r="E4" s="181"/>
      <c r="F4" s="181"/>
      <c r="G4" s="182"/>
      <c r="H4" s="183" t="s">
        <v>19</v>
      </c>
      <c r="I4" s="184" t="s">
        <v>20</v>
      </c>
      <c r="J4" s="185"/>
      <c r="K4" s="186" t="s">
        <v>21</v>
      </c>
      <c r="L4" s="185"/>
      <c r="M4" s="187" t="s">
        <v>8</v>
      </c>
      <c r="N4" s="188"/>
    </row>
    <row r="5" spans="1:14" ht="15" customHeight="1">
      <c r="A5" s="180"/>
      <c r="B5" s="181"/>
      <c r="C5" s="181"/>
      <c r="D5" s="181"/>
      <c r="E5" s="181"/>
      <c r="F5" s="181"/>
      <c r="G5" s="182"/>
      <c r="H5" s="189"/>
      <c r="I5" s="190"/>
      <c r="J5" s="191"/>
      <c r="K5" s="191"/>
      <c r="L5" s="191"/>
      <c r="M5" s="191"/>
      <c r="N5" s="192"/>
    </row>
    <row r="6" spans="1:14" ht="15" customHeight="1">
      <c r="A6" s="193"/>
      <c r="B6" s="194"/>
      <c r="C6" s="194"/>
      <c r="D6" s="194"/>
      <c r="E6" s="194"/>
      <c r="F6" s="194"/>
      <c r="G6" s="195"/>
      <c r="H6" s="196"/>
      <c r="I6" s="197"/>
      <c r="J6" s="198"/>
      <c r="K6" s="198"/>
      <c r="L6" s="198"/>
      <c r="M6" s="198"/>
      <c r="N6" s="199"/>
    </row>
    <row r="7" spans="1:14" ht="15" customHeight="1">
      <c r="A7" s="200" t="s">
        <v>28</v>
      </c>
      <c r="B7" s="201"/>
      <c r="C7" s="201"/>
      <c r="D7" s="201"/>
      <c r="E7" s="201"/>
      <c r="F7" s="201"/>
      <c r="G7" s="202"/>
      <c r="H7" s="203" t="s">
        <v>29</v>
      </c>
      <c r="I7" s="204"/>
      <c r="J7" s="204"/>
      <c r="K7" s="204"/>
      <c r="L7" s="204"/>
      <c r="M7" s="204"/>
      <c r="N7" s="205"/>
    </row>
    <row r="8" spans="1:14" ht="15" customHeight="1">
      <c r="A8" s="180"/>
      <c r="B8" s="181"/>
      <c r="C8" s="181"/>
      <c r="D8" s="181"/>
      <c r="E8" s="181"/>
      <c r="F8" s="181"/>
      <c r="G8" s="182"/>
      <c r="H8" s="183" t="s">
        <v>19</v>
      </c>
      <c r="I8" s="184" t="s">
        <v>20</v>
      </c>
      <c r="J8" s="185"/>
      <c r="K8" s="186" t="s">
        <v>21</v>
      </c>
      <c r="L8" s="185"/>
      <c r="M8" s="187" t="s">
        <v>8</v>
      </c>
      <c r="N8" s="188"/>
    </row>
    <row r="9" spans="1:14" ht="15" customHeight="1">
      <c r="A9" s="180"/>
      <c r="B9" s="181"/>
      <c r="C9" s="181"/>
      <c r="D9" s="181"/>
      <c r="E9" s="181"/>
      <c r="F9" s="181"/>
      <c r="G9" s="182"/>
      <c r="H9" s="189"/>
      <c r="I9" s="190"/>
      <c r="J9" s="191"/>
      <c r="K9" s="191"/>
      <c r="L9" s="191"/>
      <c r="M9" s="191"/>
      <c r="N9" s="192"/>
    </row>
    <row r="10" spans="1:14" ht="15" customHeight="1" thickBot="1">
      <c r="A10" s="206"/>
      <c r="B10" s="207"/>
      <c r="C10" s="207"/>
      <c r="D10" s="207"/>
      <c r="E10" s="207"/>
      <c r="F10" s="207"/>
      <c r="G10" s="208"/>
      <c r="H10" s="209"/>
      <c r="I10" s="210"/>
      <c r="J10" s="211"/>
      <c r="K10" s="211"/>
      <c r="L10" s="211"/>
      <c r="M10" s="211"/>
      <c r="N10" s="212"/>
    </row>
    <row r="11" spans="1:14" ht="18.600000000000001" customHeight="1">
      <c r="A11" s="173"/>
      <c r="B11" s="173"/>
      <c r="C11" s="173"/>
      <c r="D11" s="173"/>
      <c r="E11" s="173"/>
      <c r="F11" s="173"/>
      <c r="G11" s="173"/>
      <c r="H11" s="173"/>
      <c r="I11" s="173"/>
      <c r="J11" s="173"/>
      <c r="K11" s="173"/>
      <c r="L11" s="173"/>
      <c r="M11" s="173"/>
      <c r="N11" s="173"/>
    </row>
    <row r="12" spans="1:14" ht="30" customHeight="1">
      <c r="A12" s="172" t="s">
        <v>50</v>
      </c>
      <c r="B12" s="213"/>
      <c r="C12" s="213"/>
      <c r="D12" s="213"/>
      <c r="E12" s="213"/>
      <c r="F12" s="213"/>
      <c r="G12" s="213"/>
      <c r="H12" s="213"/>
      <c r="I12" s="213"/>
      <c r="J12" s="213"/>
      <c r="K12" s="213"/>
      <c r="L12" s="213"/>
      <c r="M12" s="213"/>
      <c r="N12" s="213"/>
    </row>
    <row r="13" spans="1:14" ht="24.6" customHeight="1" thickBot="1">
      <c r="A13" s="214" t="s">
        <v>57</v>
      </c>
      <c r="B13" s="214"/>
      <c r="C13" s="214"/>
      <c r="D13" s="214"/>
      <c r="E13" s="214"/>
      <c r="F13" s="214"/>
      <c r="G13" s="214"/>
      <c r="H13" s="214"/>
      <c r="I13" s="215"/>
      <c r="J13" s="215"/>
      <c r="K13" s="215"/>
      <c r="L13" s="215"/>
      <c r="M13" s="215"/>
      <c r="N13" s="215"/>
    </row>
    <row r="14" spans="1:14" ht="15" customHeight="1">
      <c r="A14" s="216" t="s">
        <v>1</v>
      </c>
      <c r="B14" s="177" t="s">
        <v>3</v>
      </c>
      <c r="C14" s="217"/>
      <c r="D14" s="218"/>
      <c r="E14" s="218"/>
      <c r="F14" s="218"/>
      <c r="G14" s="218"/>
      <c r="H14" s="218"/>
      <c r="I14" s="218"/>
      <c r="J14" s="218"/>
      <c r="K14" s="218"/>
      <c r="L14" s="218"/>
      <c r="M14" s="218"/>
      <c r="N14" s="219"/>
    </row>
    <row r="15" spans="1:14" ht="15" customHeight="1">
      <c r="A15" s="220"/>
      <c r="B15" s="203" t="s">
        <v>4</v>
      </c>
      <c r="C15" s="221"/>
      <c r="D15" s="221"/>
      <c r="E15" s="221"/>
      <c r="F15" s="221"/>
      <c r="G15" s="221"/>
      <c r="H15" s="221"/>
      <c r="I15" s="221"/>
      <c r="J15" s="221"/>
      <c r="K15" s="221"/>
      <c r="L15" s="221"/>
      <c r="M15" s="221"/>
      <c r="N15" s="222"/>
    </row>
    <row r="16" spans="1:14" ht="15" customHeight="1">
      <c r="A16" s="220"/>
      <c r="B16" s="183" t="s">
        <v>5</v>
      </c>
      <c r="C16" s="223" t="s">
        <v>6</v>
      </c>
      <c r="D16" s="224"/>
      <c r="E16" s="225" t="s">
        <v>7</v>
      </c>
      <c r="F16" s="224"/>
      <c r="G16" s="226" t="s">
        <v>8</v>
      </c>
      <c r="H16" s="227"/>
      <c r="I16" s="227"/>
      <c r="J16" s="227"/>
      <c r="K16" s="227"/>
      <c r="L16" s="227"/>
      <c r="M16" s="227"/>
      <c r="N16" s="228"/>
    </row>
    <row r="17" spans="1:14" ht="15" customHeight="1">
      <c r="A17" s="220"/>
      <c r="B17" s="189"/>
      <c r="C17" s="229"/>
      <c r="D17" s="230"/>
      <c r="E17" s="231" t="s">
        <v>9</v>
      </c>
      <c r="F17" s="191"/>
      <c r="G17" s="191"/>
      <c r="H17" s="191"/>
      <c r="I17" s="191"/>
      <c r="J17" s="231" t="s">
        <v>10</v>
      </c>
      <c r="K17" s="191"/>
      <c r="L17" s="191"/>
      <c r="M17" s="191"/>
      <c r="N17" s="192"/>
    </row>
    <row r="18" spans="1:14" ht="15" customHeight="1">
      <c r="A18" s="220"/>
      <c r="B18" s="189"/>
      <c r="C18" s="229"/>
      <c r="D18" s="230"/>
      <c r="E18" s="231" t="s">
        <v>11</v>
      </c>
      <c r="F18" s="191"/>
      <c r="G18" s="191"/>
      <c r="H18" s="191"/>
      <c r="I18" s="191"/>
      <c r="J18" s="231" t="s">
        <v>12</v>
      </c>
      <c r="K18" s="191"/>
      <c r="L18" s="191"/>
      <c r="M18" s="191"/>
      <c r="N18" s="192"/>
    </row>
    <row r="19" spans="1:14" ht="18.95" customHeight="1">
      <c r="A19" s="220"/>
      <c r="B19" s="196"/>
      <c r="C19" s="197"/>
      <c r="D19" s="198"/>
      <c r="E19" s="198"/>
      <c r="F19" s="198"/>
      <c r="G19" s="198"/>
      <c r="H19" s="198"/>
      <c r="I19" s="198"/>
      <c r="J19" s="198"/>
      <c r="K19" s="198"/>
      <c r="L19" s="198"/>
      <c r="M19" s="198"/>
      <c r="N19" s="199"/>
    </row>
    <row r="20" spans="1:14" ht="15" customHeight="1">
      <c r="A20" s="220"/>
      <c r="B20" s="232" t="s">
        <v>13</v>
      </c>
      <c r="C20" s="233" t="s">
        <v>14</v>
      </c>
      <c r="D20" s="234"/>
      <c r="E20" s="235"/>
      <c r="F20" s="236"/>
      <c r="G20" s="236"/>
      <c r="H20" s="237" t="s">
        <v>15</v>
      </c>
      <c r="I20" s="238"/>
      <c r="J20" s="239" t="s">
        <v>16</v>
      </c>
      <c r="K20" s="235"/>
      <c r="L20" s="236"/>
      <c r="M20" s="236"/>
      <c r="N20" s="240"/>
    </row>
    <row r="21" spans="1:14" ht="15" customHeight="1" thickBot="1">
      <c r="A21" s="241"/>
      <c r="B21" s="242"/>
      <c r="C21" s="243" t="s">
        <v>17</v>
      </c>
      <c r="D21" s="244"/>
      <c r="E21" s="245"/>
      <c r="F21" s="246"/>
      <c r="G21" s="246"/>
      <c r="H21" s="246"/>
      <c r="I21" s="246"/>
      <c r="J21" s="246"/>
      <c r="K21" s="246"/>
      <c r="L21" s="246"/>
      <c r="M21" s="246"/>
      <c r="N21" s="247"/>
    </row>
    <row r="22" spans="1:14" ht="17.25" customHeight="1">
      <c r="A22" s="248"/>
      <c r="B22" s="249"/>
      <c r="C22" s="249"/>
      <c r="D22" s="249"/>
      <c r="E22" s="249"/>
      <c r="F22" s="249"/>
      <c r="G22" s="249"/>
      <c r="H22" s="249"/>
      <c r="I22" s="249"/>
      <c r="J22" s="249"/>
      <c r="K22" s="249"/>
      <c r="L22" s="249"/>
      <c r="M22" s="249"/>
      <c r="N22" s="249"/>
    </row>
  </sheetData>
  <mergeCells count="29">
    <mergeCell ref="B20:B21"/>
    <mergeCell ref="C20:D20"/>
    <mergeCell ref="E20:G20"/>
    <mergeCell ref="K20:N20"/>
    <mergeCell ref="C21:D21"/>
    <mergeCell ref="E21:N21"/>
    <mergeCell ref="A13:H13"/>
    <mergeCell ref="A14:A21"/>
    <mergeCell ref="C14:N14"/>
    <mergeCell ref="C15:N15"/>
    <mergeCell ref="B16:B19"/>
    <mergeCell ref="H16:N16"/>
    <mergeCell ref="C17:D18"/>
    <mergeCell ref="F17:I18"/>
    <mergeCell ref="K17:N18"/>
    <mergeCell ref="C19:N19"/>
    <mergeCell ref="A7:G10"/>
    <mergeCell ref="I7:N7"/>
    <mergeCell ref="H8:H10"/>
    <mergeCell ref="M8:N8"/>
    <mergeCell ref="I9:N10"/>
    <mergeCell ref="A12:N12"/>
    <mergeCell ref="A1:N1"/>
    <mergeCell ref="A2:H2"/>
    <mergeCell ref="A3:G6"/>
    <mergeCell ref="I3:N3"/>
    <mergeCell ref="H4:H6"/>
    <mergeCell ref="M4:N4"/>
    <mergeCell ref="I5:N6"/>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8ED14E-3F4B-4C47-A409-A12736D2952B}">
  <sheetPr>
    <pageSetUpPr fitToPage="1"/>
  </sheetPr>
  <dimension ref="A1:Q24"/>
  <sheetViews>
    <sheetView view="pageBreakPreview" zoomScaleNormal="100" zoomScaleSheetLayoutView="100" workbookViewId="0">
      <selection activeCell="A2" sqref="A2:AK76"/>
    </sheetView>
  </sheetViews>
  <sheetFormatPr defaultColWidth="9.125" defaultRowHeight="15" customHeight="1"/>
  <cols>
    <col min="1" max="2" width="9.125" style="171"/>
    <col min="3" max="3" width="9.625" style="171" customWidth="1"/>
    <col min="4" max="10" width="9.125" style="171"/>
    <col min="11" max="14" width="6.125" style="171" customWidth="1"/>
    <col min="15" max="16384" width="9.125" style="171"/>
  </cols>
  <sheetData>
    <row r="1" spans="1:14" ht="36" customHeight="1">
      <c r="A1" s="612" t="s">
        <v>330</v>
      </c>
      <c r="B1" s="612"/>
      <c r="C1" s="612"/>
      <c r="D1" s="612"/>
      <c r="E1" s="612"/>
      <c r="F1" s="612"/>
      <c r="G1" s="612"/>
      <c r="H1" s="612"/>
      <c r="I1" s="612"/>
      <c r="J1" s="612"/>
      <c r="K1" s="612"/>
      <c r="L1" s="612"/>
      <c r="M1" s="612"/>
      <c r="N1" s="612"/>
    </row>
    <row r="2" spans="1:14" ht="23.45" customHeight="1" thickBot="1">
      <c r="A2" s="172" t="s">
        <v>221</v>
      </c>
      <c r="B2" s="172"/>
      <c r="C2" s="172"/>
      <c r="D2" s="172"/>
      <c r="E2" s="172"/>
      <c r="F2" s="172"/>
      <c r="G2" s="172"/>
      <c r="H2" s="614"/>
      <c r="I2" s="614"/>
      <c r="J2" s="614"/>
      <c r="K2" s="614"/>
      <c r="L2" s="614"/>
      <c r="M2" s="614"/>
      <c r="N2" s="614"/>
    </row>
    <row r="3" spans="1:14" ht="23.45" customHeight="1">
      <c r="A3" s="1615" t="s">
        <v>203</v>
      </c>
      <c r="B3" s="177" t="s">
        <v>312</v>
      </c>
      <c r="C3" s="1162"/>
      <c r="D3" s="1162"/>
      <c r="E3" s="1162"/>
      <c r="F3" s="1162"/>
      <c r="G3" s="1161" t="s">
        <v>255</v>
      </c>
      <c r="H3" s="1161"/>
      <c r="I3" s="1162"/>
      <c r="J3" s="1162"/>
      <c r="K3" s="1162"/>
      <c r="L3" s="1162"/>
      <c r="M3" s="1162"/>
      <c r="N3" s="1525"/>
    </row>
    <row r="4" spans="1:14" ht="23.45" customHeight="1">
      <c r="A4" s="1208"/>
      <c r="B4" s="203" t="s">
        <v>312</v>
      </c>
      <c r="C4" s="1169"/>
      <c r="D4" s="1169"/>
      <c r="E4" s="1169"/>
      <c r="F4" s="1169"/>
      <c r="G4" s="232" t="s">
        <v>255</v>
      </c>
      <c r="H4" s="232"/>
      <c r="I4" s="1169"/>
      <c r="J4" s="1169"/>
      <c r="K4" s="1169"/>
      <c r="L4" s="1169"/>
      <c r="M4" s="1169"/>
      <c r="N4" s="1184"/>
    </row>
    <row r="5" spans="1:14" ht="23.45" customHeight="1" thickBot="1">
      <c r="A5" s="1212"/>
      <c r="B5" s="1616" t="s">
        <v>312</v>
      </c>
      <c r="C5" s="1176"/>
      <c r="D5" s="1176"/>
      <c r="E5" s="1176"/>
      <c r="F5" s="1176"/>
      <c r="G5" s="242" t="s">
        <v>255</v>
      </c>
      <c r="H5" s="242"/>
      <c r="I5" s="1176"/>
      <c r="J5" s="1176"/>
      <c r="K5" s="1176"/>
      <c r="L5" s="1176"/>
      <c r="M5" s="1176"/>
      <c r="N5" s="1530"/>
    </row>
    <row r="6" spans="1:14" ht="23.45" customHeight="1">
      <c r="A6" s="172"/>
      <c r="B6" s="172"/>
      <c r="C6" s="172"/>
      <c r="D6" s="172"/>
      <c r="E6" s="172"/>
      <c r="F6" s="172"/>
      <c r="G6" s="172"/>
      <c r="H6" s="614"/>
      <c r="I6" s="614"/>
      <c r="J6" s="614"/>
      <c r="K6" s="614"/>
      <c r="L6" s="614"/>
      <c r="M6" s="614"/>
      <c r="N6" s="614"/>
    </row>
    <row r="7" spans="1:14" ht="29.25" customHeight="1">
      <c r="A7" s="172" t="s">
        <v>327</v>
      </c>
      <c r="B7" s="213"/>
      <c r="C7" s="213"/>
      <c r="D7" s="213"/>
      <c r="E7" s="213"/>
      <c r="F7" s="213"/>
      <c r="G7" s="213"/>
      <c r="H7" s="213"/>
      <c r="I7" s="213"/>
      <c r="J7" s="213"/>
      <c r="K7" s="213"/>
      <c r="L7" s="213"/>
      <c r="M7" s="213"/>
      <c r="N7" s="213"/>
    </row>
    <row r="8" spans="1:14" ht="23.45" customHeight="1" thickBot="1">
      <c r="A8" s="214" t="s">
        <v>57</v>
      </c>
      <c r="B8" s="214"/>
      <c r="C8" s="214"/>
      <c r="D8" s="214"/>
      <c r="E8" s="214"/>
      <c r="F8" s="214"/>
      <c r="G8" s="214"/>
      <c r="H8" s="215"/>
      <c r="I8" s="215"/>
      <c r="J8" s="215"/>
      <c r="K8" s="215"/>
      <c r="L8" s="215"/>
      <c r="M8" s="215"/>
      <c r="N8" s="215"/>
    </row>
    <row r="9" spans="1:14" ht="15" customHeight="1">
      <c r="A9" s="216" t="s">
        <v>91</v>
      </c>
      <c r="B9" s="177" t="s">
        <v>3</v>
      </c>
      <c r="C9" s="218"/>
      <c r="D9" s="218"/>
      <c r="E9" s="218"/>
      <c r="F9" s="218"/>
      <c r="G9" s="218"/>
      <c r="H9" s="218"/>
      <c r="I9" s="218"/>
      <c r="J9" s="218"/>
      <c r="K9" s="218"/>
      <c r="L9" s="218"/>
      <c r="M9" s="218"/>
      <c r="N9" s="219"/>
    </row>
    <row r="10" spans="1:14" ht="25.9" customHeight="1">
      <c r="A10" s="220"/>
      <c r="B10" s="1617" t="s">
        <v>4</v>
      </c>
      <c r="C10" s="221"/>
      <c r="D10" s="221"/>
      <c r="E10" s="221"/>
      <c r="F10" s="221"/>
      <c r="G10" s="221"/>
      <c r="H10" s="221"/>
      <c r="I10" s="221"/>
      <c r="J10" s="221"/>
      <c r="K10" s="221"/>
      <c r="L10" s="221"/>
      <c r="M10" s="221"/>
      <c r="N10" s="222"/>
    </row>
    <row r="11" spans="1:14" ht="15" customHeight="1">
      <c r="A11" s="220"/>
      <c r="B11" s="183" t="s">
        <v>5</v>
      </c>
      <c r="C11" s="623" t="s">
        <v>308</v>
      </c>
      <c r="D11" s="227"/>
      <c r="E11" s="224"/>
      <c r="F11" s="225" t="s">
        <v>328</v>
      </c>
      <c r="G11" s="224"/>
      <c r="H11" s="225" t="s">
        <v>309</v>
      </c>
      <c r="I11" s="227"/>
      <c r="J11" s="227"/>
      <c r="K11" s="227"/>
      <c r="L11" s="227"/>
      <c r="M11" s="227"/>
      <c r="N11" s="228"/>
    </row>
    <row r="12" spans="1:14" ht="15" customHeight="1">
      <c r="A12" s="220"/>
      <c r="B12" s="189"/>
      <c r="C12" s="1187"/>
      <c r="D12" s="419"/>
      <c r="E12" s="420" t="s">
        <v>9</v>
      </c>
      <c r="F12" s="419"/>
      <c r="G12" s="419"/>
      <c r="H12" s="419"/>
      <c r="I12" s="420" t="s">
        <v>10</v>
      </c>
      <c r="J12" s="419"/>
      <c r="K12" s="419"/>
      <c r="L12" s="419"/>
      <c r="M12" s="419"/>
      <c r="N12" s="422"/>
    </row>
    <row r="13" spans="1:14" ht="15" customHeight="1">
      <c r="A13" s="220"/>
      <c r="B13" s="189"/>
      <c r="C13" s="1187"/>
      <c r="D13" s="419"/>
      <c r="E13" s="420" t="s">
        <v>11</v>
      </c>
      <c r="F13" s="419"/>
      <c r="G13" s="419"/>
      <c r="H13" s="419"/>
      <c r="I13" s="420" t="s">
        <v>95</v>
      </c>
      <c r="J13" s="419"/>
      <c r="K13" s="419"/>
      <c r="L13" s="419"/>
      <c r="M13" s="419"/>
      <c r="N13" s="422"/>
    </row>
    <row r="14" spans="1:14" ht="19.149999999999999" customHeight="1">
      <c r="A14" s="220"/>
      <c r="B14" s="196"/>
      <c r="C14" s="197"/>
      <c r="D14" s="198"/>
      <c r="E14" s="198"/>
      <c r="F14" s="198"/>
      <c r="G14" s="198"/>
      <c r="H14" s="198"/>
      <c r="I14" s="198"/>
      <c r="J14" s="198"/>
      <c r="K14" s="198"/>
      <c r="L14" s="198"/>
      <c r="M14" s="198"/>
      <c r="N14" s="199"/>
    </row>
    <row r="15" spans="1:14" ht="15" customHeight="1">
      <c r="A15" s="220"/>
      <c r="B15" s="232" t="s">
        <v>13</v>
      </c>
      <c r="C15" s="1618" t="s">
        <v>14</v>
      </c>
      <c r="D15" s="235"/>
      <c r="E15" s="236"/>
      <c r="F15" s="236"/>
      <c r="G15" s="237" t="s">
        <v>15</v>
      </c>
      <c r="H15" s="1619"/>
      <c r="I15" s="239" t="s">
        <v>73</v>
      </c>
      <c r="J15" s="235"/>
      <c r="K15" s="236"/>
      <c r="L15" s="236"/>
      <c r="M15" s="236"/>
      <c r="N15" s="240"/>
    </row>
    <row r="16" spans="1:14" ht="15" customHeight="1">
      <c r="A16" s="1620"/>
      <c r="B16" s="183"/>
      <c r="C16" s="203" t="s">
        <v>17</v>
      </c>
      <c r="D16" s="235"/>
      <c r="E16" s="236"/>
      <c r="F16" s="236"/>
      <c r="G16" s="236"/>
      <c r="H16" s="236"/>
      <c r="I16" s="236"/>
      <c r="J16" s="236"/>
      <c r="K16" s="236"/>
      <c r="L16" s="236"/>
      <c r="M16" s="236"/>
      <c r="N16" s="240"/>
    </row>
    <row r="17" spans="1:17" ht="15" customHeight="1">
      <c r="A17" s="1621" t="s">
        <v>166</v>
      </c>
      <c r="B17" s="1622"/>
      <c r="C17" s="1622"/>
      <c r="D17" s="1622"/>
      <c r="E17" s="1622"/>
      <c r="F17" s="1622"/>
      <c r="G17" s="1622"/>
      <c r="H17" s="1622"/>
      <c r="I17" s="1622"/>
      <c r="J17" s="1622"/>
      <c r="K17" s="1622"/>
      <c r="L17" s="1622"/>
      <c r="M17" s="1622"/>
      <c r="N17" s="1623"/>
    </row>
    <row r="18" spans="1:17" ht="15" customHeight="1">
      <c r="A18" s="220"/>
      <c r="B18" s="232" t="s">
        <v>210</v>
      </c>
      <c r="C18" s="232"/>
      <c r="D18" s="232"/>
      <c r="E18" s="1624"/>
      <c r="F18" s="1618" t="s">
        <v>177</v>
      </c>
      <c r="G18" s="232"/>
      <c r="H18" s="232"/>
      <c r="I18" s="232"/>
      <c r="J18" s="232"/>
      <c r="K18" s="232"/>
      <c r="L18" s="232"/>
      <c r="M18" s="232"/>
      <c r="N18" s="1625"/>
    </row>
    <row r="19" spans="1:17" ht="24" customHeight="1">
      <c r="A19" s="220"/>
      <c r="B19" s="1527" t="s">
        <v>320</v>
      </c>
      <c r="C19" s="1527"/>
      <c r="D19" s="1527"/>
      <c r="E19" s="1624"/>
      <c r="F19" s="1618" t="s">
        <v>321</v>
      </c>
      <c r="G19" s="1626" t="s">
        <v>322</v>
      </c>
      <c r="H19" s="1627"/>
      <c r="I19" s="1627"/>
      <c r="J19" s="1627"/>
      <c r="K19" s="1627"/>
      <c r="L19" s="1628"/>
      <c r="M19" s="1629"/>
      <c r="N19" s="1630" t="s">
        <v>321</v>
      </c>
    </row>
    <row r="20" spans="1:17" ht="24" customHeight="1">
      <c r="A20" s="220"/>
      <c r="B20" s="232" t="s">
        <v>323</v>
      </c>
      <c r="C20" s="1631"/>
      <c r="D20" s="1631"/>
      <c r="E20" s="1632"/>
      <c r="F20" s="1618" t="s">
        <v>177</v>
      </c>
      <c r="G20" s="1626" t="s">
        <v>324</v>
      </c>
      <c r="H20" s="1626"/>
      <c r="I20" s="1626"/>
      <c r="J20" s="1626"/>
      <c r="K20" s="1626"/>
      <c r="L20" s="1198"/>
      <c r="M20" s="1199"/>
      <c r="N20" s="1630" t="s">
        <v>178</v>
      </c>
    </row>
    <row r="21" spans="1:17" s="1209" customFormat="1" ht="15" customHeight="1">
      <c r="A21" s="1197" t="s">
        <v>213</v>
      </c>
      <c r="B21" s="883"/>
      <c r="C21" s="883"/>
      <c r="D21" s="234"/>
      <c r="E21" s="1633"/>
      <c r="F21" s="1618" t="s">
        <v>178</v>
      </c>
      <c r="G21" s="1634"/>
      <c r="H21" s="1634"/>
      <c r="I21" s="1634"/>
      <c r="J21" s="1634"/>
      <c r="K21" s="1634"/>
      <c r="L21" s="1634"/>
      <c r="M21" s="1634"/>
      <c r="N21" s="1635"/>
      <c r="O21" s="249"/>
      <c r="P21" s="249"/>
      <c r="Q21" s="1636"/>
    </row>
    <row r="22" spans="1:17" s="1209" customFormat="1" ht="15" customHeight="1">
      <c r="A22" s="1197" t="s">
        <v>214</v>
      </c>
      <c r="B22" s="883"/>
      <c r="C22" s="883"/>
      <c r="D22" s="234"/>
      <c r="E22" s="1633"/>
      <c r="F22" s="660" t="s">
        <v>178</v>
      </c>
      <c r="G22" s="233" t="s">
        <v>325</v>
      </c>
      <c r="H22" s="883"/>
      <c r="I22" s="883"/>
      <c r="J22" s="883"/>
      <c r="K22" s="234"/>
      <c r="L22" s="1199"/>
      <c r="M22" s="1199"/>
      <c r="N22" s="1637" t="s">
        <v>178</v>
      </c>
      <c r="O22" s="1638"/>
      <c r="P22" s="1639"/>
      <c r="Q22" s="1636"/>
    </row>
    <row r="23" spans="1:17" s="1209" customFormat="1" ht="15" customHeight="1" thickBot="1">
      <c r="A23" s="887" t="s">
        <v>216</v>
      </c>
      <c r="B23" s="672"/>
      <c r="C23" s="672"/>
      <c r="D23" s="244"/>
      <c r="E23" s="1640"/>
      <c r="F23" s="1641"/>
      <c r="G23" s="1641"/>
      <c r="H23" s="1641"/>
      <c r="I23" s="1641"/>
      <c r="J23" s="1641"/>
      <c r="K23" s="1641"/>
      <c r="L23" s="1641"/>
      <c r="M23" s="1641"/>
      <c r="N23" s="720"/>
      <c r="O23" s="249"/>
      <c r="P23" s="249"/>
      <c r="Q23" s="1642"/>
    </row>
    <row r="24" spans="1:17" s="1209" customFormat="1" ht="17.25" customHeight="1">
      <c r="A24" s="682"/>
      <c r="B24" s="682"/>
      <c r="C24" s="682"/>
      <c r="D24" s="231"/>
      <c r="E24" s="231"/>
      <c r="F24" s="231"/>
      <c r="G24" s="231"/>
      <c r="H24" s="231"/>
      <c r="I24" s="231"/>
      <c r="J24" s="231"/>
      <c r="K24" s="231"/>
      <c r="L24" s="231"/>
      <c r="M24" s="231"/>
      <c r="N24" s="231"/>
      <c r="O24" s="249"/>
      <c r="P24" s="249"/>
      <c r="Q24" s="1642"/>
    </row>
  </sheetData>
  <mergeCells count="45">
    <mergeCell ref="A21:D21"/>
    <mergeCell ref="G21:N21"/>
    <mergeCell ref="A22:D22"/>
    <mergeCell ref="G22:K22"/>
    <mergeCell ref="L22:M22"/>
    <mergeCell ref="A23:D23"/>
    <mergeCell ref="A17:N17"/>
    <mergeCell ref="A18:A20"/>
    <mergeCell ref="B18:D18"/>
    <mergeCell ref="G18:N18"/>
    <mergeCell ref="B19:D19"/>
    <mergeCell ref="G19:K19"/>
    <mergeCell ref="L19:M19"/>
    <mergeCell ref="B20:D20"/>
    <mergeCell ref="G20:K20"/>
    <mergeCell ref="L20:M20"/>
    <mergeCell ref="I11:N11"/>
    <mergeCell ref="C12:D13"/>
    <mergeCell ref="F12:H13"/>
    <mergeCell ref="J12:N13"/>
    <mergeCell ref="C14:N14"/>
    <mergeCell ref="B15:B16"/>
    <mergeCell ref="D15:F15"/>
    <mergeCell ref="J15:N15"/>
    <mergeCell ref="D16:N16"/>
    <mergeCell ref="G5:H5"/>
    <mergeCell ref="I5:N5"/>
    <mergeCell ref="A6:G6"/>
    <mergeCell ref="A7:N7"/>
    <mergeCell ref="A8:G8"/>
    <mergeCell ref="A9:A16"/>
    <mergeCell ref="C9:N9"/>
    <mergeCell ref="C10:N10"/>
    <mergeCell ref="B11:B14"/>
    <mergeCell ref="C11:D11"/>
    <mergeCell ref="A1:N1"/>
    <mergeCell ref="A2:G2"/>
    <mergeCell ref="A3:A5"/>
    <mergeCell ref="C3:F3"/>
    <mergeCell ref="G3:H3"/>
    <mergeCell ref="I3:N3"/>
    <mergeCell ref="C4:F4"/>
    <mergeCell ref="G4:H4"/>
    <mergeCell ref="I4:N4"/>
    <mergeCell ref="C5:F5"/>
  </mergeCells>
  <phoneticPr fontId="3"/>
  <printOptions horizontalCentered="1"/>
  <pageMargins left="0.70866141732283472" right="0.70866141732283472" top="0.74803149606299213" bottom="0.74803149606299213" header="0.31496062992125984" footer="0.31496062992125984"/>
  <pageSetup paperSize="9" scale="6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1265" r:id="rId4" name="Check Box 1">
              <controlPr defaultSize="0" autoFill="0" autoLine="0" autoPict="0">
                <anchor moveWithCells="1">
                  <from>
                    <xdr:col>4</xdr:col>
                    <xdr:colOff>123825</xdr:colOff>
                    <xdr:row>21</xdr:row>
                    <xdr:rowOff>142875</xdr:rowOff>
                  </from>
                  <to>
                    <xdr:col>5</xdr:col>
                    <xdr:colOff>428625</xdr:colOff>
                    <xdr:row>23</xdr:row>
                    <xdr:rowOff>47625</xdr:rowOff>
                  </to>
                </anchor>
              </controlPr>
            </control>
          </mc:Choice>
        </mc:AlternateContent>
        <mc:AlternateContent xmlns:mc="http://schemas.openxmlformats.org/markup-compatibility/2006">
          <mc:Choice Requires="x14">
            <control shapeId="11266" r:id="rId5" name="Check Box 2">
              <controlPr defaultSize="0" autoFill="0" autoLine="0" autoPict="0">
                <anchor moveWithCells="1">
                  <from>
                    <xdr:col>6</xdr:col>
                    <xdr:colOff>266700</xdr:colOff>
                    <xdr:row>21</xdr:row>
                    <xdr:rowOff>152400</xdr:rowOff>
                  </from>
                  <to>
                    <xdr:col>8</xdr:col>
                    <xdr:colOff>257175</xdr:colOff>
                    <xdr:row>23</xdr:row>
                    <xdr:rowOff>47625</xdr:rowOff>
                  </to>
                </anchor>
              </controlPr>
            </control>
          </mc:Choice>
        </mc:AlternateContent>
        <mc:AlternateContent xmlns:mc="http://schemas.openxmlformats.org/markup-compatibility/2006">
          <mc:Choice Requires="x14">
            <control shapeId="11267" r:id="rId6" name="Check Box 3">
              <controlPr defaultSize="0" autoFill="0" autoLine="0" autoPict="0">
                <anchor moveWithCells="1">
                  <from>
                    <xdr:col>9</xdr:col>
                    <xdr:colOff>0</xdr:colOff>
                    <xdr:row>21</xdr:row>
                    <xdr:rowOff>152400</xdr:rowOff>
                  </from>
                  <to>
                    <xdr:col>11</xdr:col>
                    <xdr:colOff>200025</xdr:colOff>
                    <xdr:row>23</xdr:row>
                    <xdr:rowOff>47625</xdr:rowOff>
                  </to>
                </anchor>
              </controlPr>
            </control>
          </mc:Choice>
        </mc:AlternateContent>
      </controls>
    </mc:Choice>
  </mc:AlternateConten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D766E2A-4490-461F-ACA6-95D17D34803A}">
  <sheetPr>
    <pageSetUpPr fitToPage="1"/>
  </sheetPr>
  <dimension ref="A1:Z29"/>
  <sheetViews>
    <sheetView view="pageBreakPreview" zoomScaleNormal="100" zoomScaleSheetLayoutView="100" workbookViewId="0">
      <selection activeCell="A2" sqref="A2:AK76"/>
    </sheetView>
  </sheetViews>
  <sheetFormatPr defaultColWidth="8.75" defaultRowHeight="16.5"/>
  <cols>
    <col min="1" max="1" width="6.75" style="2" customWidth="1"/>
    <col min="2" max="2" width="5.125" style="2" customWidth="1"/>
    <col min="3" max="3" width="6.25" style="2" customWidth="1"/>
    <col min="4" max="4" width="8" style="2" customWidth="1"/>
    <col min="5" max="5" width="11.75" style="2" customWidth="1"/>
    <col min="6" max="19" width="5.125" style="2" customWidth="1"/>
    <col min="20" max="20" width="12.375" style="2" customWidth="1"/>
    <col min="21" max="25" width="8.75" style="2"/>
    <col min="26" max="26" width="9.375" style="2" bestFit="1" customWidth="1"/>
    <col min="27" max="16384" width="8.75" style="2"/>
  </cols>
  <sheetData>
    <row r="1" spans="1:26" ht="36" customHeight="1" thickBot="1">
      <c r="A1" s="1643" t="s">
        <v>331</v>
      </c>
      <c r="B1" s="1643"/>
      <c r="C1" s="1643"/>
      <c r="D1" s="1643"/>
      <c r="E1" s="1643"/>
      <c r="F1" s="1643"/>
      <c r="G1" s="1643"/>
      <c r="H1" s="1643"/>
      <c r="I1" s="1643"/>
      <c r="J1" s="1643"/>
      <c r="K1" s="1643"/>
      <c r="L1" s="1643"/>
      <c r="M1" s="1643"/>
      <c r="N1" s="1643"/>
      <c r="O1" s="1643"/>
      <c r="P1" s="1643"/>
      <c r="Q1" s="1643"/>
      <c r="R1" s="1643"/>
      <c r="S1" s="1643"/>
      <c r="T1" s="1643"/>
    </row>
    <row r="2" spans="1:26" ht="15" customHeight="1">
      <c r="A2" s="1644" t="s">
        <v>1</v>
      </c>
      <c r="B2" s="252" t="s">
        <v>2</v>
      </c>
      <c r="C2" s="253"/>
      <c r="D2" s="1645"/>
      <c r="E2" s="1646"/>
      <c r="F2" s="1646"/>
      <c r="G2" s="1646"/>
      <c r="H2" s="1646"/>
      <c r="I2" s="1646"/>
      <c r="J2" s="1646"/>
      <c r="K2" s="1646"/>
      <c r="L2" s="1646"/>
      <c r="M2" s="1646"/>
      <c r="N2" s="1646"/>
      <c r="O2" s="1646"/>
      <c r="P2" s="1646"/>
      <c r="Q2" s="1646"/>
      <c r="R2" s="1646"/>
      <c r="S2" s="1646"/>
      <c r="T2" s="1647"/>
    </row>
    <row r="3" spans="1:26" ht="15" customHeight="1">
      <c r="A3" s="1648"/>
      <c r="B3" s="1312" t="s">
        <v>3</v>
      </c>
      <c r="C3" s="571"/>
      <c r="D3" s="1220"/>
      <c r="E3" s="1221"/>
      <c r="F3" s="1221"/>
      <c r="G3" s="1221"/>
      <c r="H3" s="1221"/>
      <c r="I3" s="1221"/>
      <c r="J3" s="1221"/>
      <c r="K3" s="1221"/>
      <c r="L3" s="1221"/>
      <c r="M3" s="1221"/>
      <c r="N3" s="1221"/>
      <c r="O3" s="1221"/>
      <c r="P3" s="1221"/>
      <c r="Q3" s="1221"/>
      <c r="R3" s="1221"/>
      <c r="S3" s="1221"/>
      <c r="T3" s="1222"/>
    </row>
    <row r="4" spans="1:26" ht="30" customHeight="1">
      <c r="A4" s="1648"/>
      <c r="B4" s="116" t="s">
        <v>92</v>
      </c>
      <c r="C4" s="117"/>
      <c r="D4" s="1223"/>
      <c r="E4" s="465"/>
      <c r="F4" s="465"/>
      <c r="G4" s="465"/>
      <c r="H4" s="465"/>
      <c r="I4" s="465"/>
      <c r="J4" s="465"/>
      <c r="K4" s="465"/>
      <c r="L4" s="465"/>
      <c r="M4" s="465"/>
      <c r="N4" s="465"/>
      <c r="O4" s="465"/>
      <c r="P4" s="465"/>
      <c r="Q4" s="465"/>
      <c r="R4" s="465"/>
      <c r="S4" s="465"/>
      <c r="T4" s="601"/>
    </row>
    <row r="5" spans="1:26" ht="15" customHeight="1">
      <c r="A5" s="1648"/>
      <c r="B5" s="118" t="s">
        <v>60</v>
      </c>
      <c r="C5" s="115"/>
      <c r="D5" s="1649" t="s">
        <v>6</v>
      </c>
      <c r="E5" s="1650"/>
      <c r="F5" s="1061"/>
      <c r="G5" s="1061"/>
      <c r="H5" s="19" t="s">
        <v>245</v>
      </c>
      <c r="I5" s="1061"/>
      <c r="J5" s="1061"/>
      <c r="K5" s="19" t="s">
        <v>332</v>
      </c>
      <c r="L5" s="21"/>
      <c r="M5" s="21"/>
      <c r="N5" s="21"/>
      <c r="O5" s="21"/>
      <c r="P5" s="21"/>
      <c r="Q5" s="21"/>
      <c r="R5" s="21"/>
      <c r="S5" s="21"/>
      <c r="T5" s="22"/>
    </row>
    <row r="6" spans="1:26" ht="15" customHeight="1">
      <c r="A6" s="1648"/>
      <c r="B6" s="468"/>
      <c r="C6" s="122"/>
      <c r="D6" s="1053"/>
      <c r="E6" s="276"/>
      <c r="F6" s="276"/>
      <c r="G6" s="276"/>
      <c r="H6" s="277" t="s">
        <v>64</v>
      </c>
      <c r="I6" s="278" t="s">
        <v>65</v>
      </c>
      <c r="J6" s="276"/>
      <c r="K6" s="276"/>
      <c r="L6" s="276"/>
      <c r="M6" s="276"/>
      <c r="N6" s="276"/>
      <c r="O6" s="277" t="s">
        <v>66</v>
      </c>
      <c r="P6" s="278" t="s">
        <v>67</v>
      </c>
      <c r="Q6" s="1054"/>
      <c r="R6" s="1054"/>
      <c r="S6" s="1054"/>
      <c r="T6" s="1055"/>
    </row>
    <row r="7" spans="1:26" ht="15" customHeight="1">
      <c r="A7" s="1648"/>
      <c r="B7" s="468"/>
      <c r="C7" s="122"/>
      <c r="D7" s="1053"/>
      <c r="E7" s="276"/>
      <c r="F7" s="276"/>
      <c r="G7" s="276"/>
      <c r="H7" s="277" t="s">
        <v>68</v>
      </c>
      <c r="I7" s="278" t="s">
        <v>69</v>
      </c>
      <c r="J7" s="276"/>
      <c r="K7" s="276"/>
      <c r="L7" s="276"/>
      <c r="M7" s="276"/>
      <c r="N7" s="276"/>
      <c r="O7" s="277" t="s">
        <v>70</v>
      </c>
      <c r="P7" s="278" t="s">
        <v>71</v>
      </c>
      <c r="Q7" s="1054"/>
      <c r="R7" s="1054"/>
      <c r="S7" s="1054"/>
      <c r="T7" s="1055"/>
    </row>
    <row r="8" spans="1:26" ht="18.95" customHeight="1">
      <c r="A8" s="1648"/>
      <c r="B8" s="125"/>
      <c r="C8" s="126"/>
      <c r="D8" s="461"/>
      <c r="E8" s="462"/>
      <c r="F8" s="462"/>
      <c r="G8" s="462"/>
      <c r="H8" s="462"/>
      <c r="I8" s="462"/>
      <c r="J8" s="462"/>
      <c r="K8" s="462"/>
      <c r="L8" s="462"/>
      <c r="M8" s="27"/>
      <c r="N8" s="27"/>
      <c r="O8" s="462"/>
      <c r="P8" s="462"/>
      <c r="Q8" s="462"/>
      <c r="R8" s="462"/>
      <c r="S8" s="462"/>
      <c r="T8" s="497"/>
    </row>
    <row r="9" spans="1:26" ht="15" customHeight="1">
      <c r="A9" s="1648"/>
      <c r="B9" s="118" t="s">
        <v>13</v>
      </c>
      <c r="C9" s="115"/>
      <c r="D9" s="116" t="s">
        <v>72</v>
      </c>
      <c r="E9" s="1102"/>
      <c r="F9" s="476"/>
      <c r="G9" s="473"/>
      <c r="H9" s="473"/>
      <c r="I9" s="473"/>
      <c r="J9" s="473"/>
      <c r="K9" s="1651" t="s">
        <v>15</v>
      </c>
      <c r="L9" s="1651"/>
      <c r="M9" s="474"/>
      <c r="N9" s="475"/>
      <c r="O9" s="31" t="s">
        <v>246</v>
      </c>
      <c r="P9" s="32"/>
      <c r="Q9" s="476"/>
      <c r="R9" s="473"/>
      <c r="S9" s="473"/>
      <c r="T9" s="603"/>
    </row>
    <row r="10" spans="1:26" ht="15" customHeight="1">
      <c r="A10" s="1652"/>
      <c r="B10" s="125"/>
      <c r="C10" s="126"/>
      <c r="D10" s="1466" t="s">
        <v>17</v>
      </c>
      <c r="E10" s="1468"/>
      <c r="F10" s="1405"/>
      <c r="G10" s="1405"/>
      <c r="H10" s="1405"/>
      <c r="I10" s="1405"/>
      <c r="J10" s="1405"/>
      <c r="K10" s="1405"/>
      <c r="L10" s="1405"/>
      <c r="M10" s="1405"/>
      <c r="N10" s="1405"/>
      <c r="O10" s="1405"/>
      <c r="P10" s="1405"/>
      <c r="Q10" s="1405"/>
      <c r="R10" s="1405"/>
      <c r="S10" s="1405"/>
      <c r="T10" s="1653"/>
    </row>
    <row r="11" spans="1:26" ht="15" customHeight="1">
      <c r="A11" s="1654" t="s">
        <v>18</v>
      </c>
      <c r="B11" s="116" t="s">
        <v>3</v>
      </c>
      <c r="C11" s="117"/>
      <c r="D11" s="1655"/>
      <c r="E11" s="1656"/>
      <c r="F11" s="1656"/>
      <c r="G11" s="1656"/>
      <c r="H11" s="1656"/>
      <c r="I11" s="1656"/>
      <c r="J11" s="1656"/>
      <c r="K11" s="1656"/>
      <c r="L11" s="1657"/>
      <c r="M11" s="565" t="s">
        <v>19</v>
      </c>
      <c r="N11" s="566"/>
      <c r="O11" s="1658" t="s">
        <v>6</v>
      </c>
      <c r="P11" s="1659"/>
      <c r="Q11" s="1660"/>
      <c r="R11" s="1661" t="s">
        <v>62</v>
      </c>
      <c r="S11" s="1662"/>
      <c r="T11" s="1663" t="s">
        <v>333</v>
      </c>
    </row>
    <row r="12" spans="1:26" ht="15" customHeight="1">
      <c r="A12" s="1664"/>
      <c r="B12" s="116" t="s">
        <v>334</v>
      </c>
      <c r="C12" s="117"/>
      <c r="D12" s="1255"/>
      <c r="E12" s="1256"/>
      <c r="F12" s="1256"/>
      <c r="G12" s="1256"/>
      <c r="H12" s="1256"/>
      <c r="I12" s="1256"/>
      <c r="J12" s="1256"/>
      <c r="K12" s="1256"/>
      <c r="L12" s="1257"/>
      <c r="M12" s="536"/>
      <c r="N12" s="492"/>
      <c r="O12" s="1056"/>
      <c r="P12" s="27"/>
      <c r="Q12" s="27"/>
      <c r="R12" s="27"/>
      <c r="S12" s="27"/>
      <c r="T12" s="28"/>
    </row>
    <row r="13" spans="1:26" ht="15" customHeight="1">
      <c r="A13" s="1664"/>
      <c r="B13" s="116" t="s">
        <v>23</v>
      </c>
      <c r="C13" s="117"/>
      <c r="D13" s="1665"/>
      <c r="E13" s="1666"/>
      <c r="F13" s="1667"/>
      <c r="G13" s="1667"/>
      <c r="H13" s="1667"/>
      <c r="I13" s="1667"/>
      <c r="J13" s="1667"/>
      <c r="K13" s="1667"/>
      <c r="L13" s="1668"/>
      <c r="M13" s="536"/>
      <c r="N13" s="492"/>
      <c r="O13" s="1056"/>
      <c r="P13" s="1669"/>
      <c r="Q13" s="1669"/>
      <c r="R13" s="1669"/>
      <c r="S13" s="1669"/>
      <c r="T13" s="28"/>
    </row>
    <row r="14" spans="1:26" ht="29.25" customHeight="1">
      <c r="A14" s="1664"/>
      <c r="B14" s="89" t="s">
        <v>161</v>
      </c>
      <c r="C14" s="90"/>
      <c r="D14" s="90"/>
      <c r="E14" s="90"/>
      <c r="F14" s="57"/>
      <c r="G14" s="58"/>
      <c r="H14" s="58"/>
      <c r="I14" s="58"/>
      <c r="J14" s="58"/>
      <c r="K14" s="58"/>
      <c r="L14" s="58"/>
      <c r="M14" s="58"/>
      <c r="N14" s="58"/>
      <c r="O14" s="58"/>
      <c r="P14" s="58"/>
      <c r="Q14" s="58"/>
      <c r="R14" s="58"/>
      <c r="S14" s="58"/>
      <c r="T14" s="323"/>
      <c r="Z14" s="324"/>
    </row>
    <row r="15" spans="1:26" ht="42.75" customHeight="1">
      <c r="A15" s="1648"/>
      <c r="B15" s="99" t="s">
        <v>102</v>
      </c>
      <c r="C15" s="99"/>
      <c r="D15" s="99"/>
      <c r="E15" s="1558" t="s">
        <v>103</v>
      </c>
      <c r="F15" s="109"/>
      <c r="G15" s="47"/>
      <c r="H15" s="47"/>
      <c r="I15" s="47"/>
      <c r="J15" s="47"/>
      <c r="K15" s="47"/>
      <c r="L15" s="47"/>
      <c r="M15" s="47"/>
      <c r="N15" s="47"/>
      <c r="O15" s="47"/>
      <c r="P15" s="47"/>
      <c r="Q15" s="48"/>
      <c r="R15" s="1342" t="s">
        <v>276</v>
      </c>
      <c r="S15" s="1670"/>
      <c r="T15" s="1671"/>
    </row>
    <row r="16" spans="1:26" ht="27.75" customHeight="1">
      <c r="A16" s="1648"/>
      <c r="B16" s="99"/>
      <c r="C16" s="99"/>
      <c r="D16" s="99"/>
      <c r="E16" s="92" t="s">
        <v>27</v>
      </c>
      <c r="F16" s="93"/>
      <c r="G16" s="94"/>
      <c r="H16" s="94"/>
      <c r="I16" s="94"/>
      <c r="J16" s="94"/>
      <c r="K16" s="94"/>
      <c r="L16" s="94"/>
      <c r="M16" s="94"/>
      <c r="N16" s="94"/>
      <c r="O16" s="94"/>
      <c r="P16" s="94"/>
      <c r="Q16" s="94"/>
      <c r="R16" s="94"/>
      <c r="S16" s="94"/>
      <c r="T16" s="95"/>
    </row>
    <row r="17" spans="1:20" ht="24.75" customHeight="1">
      <c r="A17" s="1652"/>
      <c r="B17" s="99"/>
      <c r="C17" s="99"/>
      <c r="D17" s="99"/>
      <c r="E17" s="92"/>
      <c r="F17" s="96"/>
      <c r="G17" s="97"/>
      <c r="H17" s="97"/>
      <c r="I17" s="97"/>
      <c r="J17" s="97"/>
      <c r="K17" s="97"/>
      <c r="L17" s="97"/>
      <c r="M17" s="97"/>
      <c r="N17" s="97"/>
      <c r="O17" s="97"/>
      <c r="P17" s="97"/>
      <c r="Q17" s="97"/>
      <c r="R17" s="97"/>
      <c r="S17" s="97"/>
      <c r="T17" s="98"/>
    </row>
    <row r="18" spans="1:20" ht="15" customHeight="1">
      <c r="A18" s="1142" t="s">
        <v>112</v>
      </c>
      <c r="B18" s="112"/>
      <c r="C18" s="112"/>
      <c r="D18" s="112"/>
      <c r="E18" s="112"/>
      <c r="F18" s="112"/>
      <c r="G18" s="112"/>
      <c r="H18" s="112"/>
      <c r="I18" s="112"/>
      <c r="J18" s="112"/>
      <c r="K18" s="112"/>
      <c r="L18" s="112"/>
      <c r="M18" s="112"/>
      <c r="N18" s="112"/>
      <c r="O18" s="112"/>
      <c r="P18" s="112"/>
      <c r="Q18" s="112"/>
      <c r="R18" s="112"/>
      <c r="S18" s="112"/>
      <c r="T18" s="113"/>
    </row>
    <row r="19" spans="1:20" ht="15" customHeight="1">
      <c r="A19" s="114" t="s">
        <v>335</v>
      </c>
      <c r="B19" s="21"/>
      <c r="C19" s="21"/>
      <c r="D19" s="21"/>
      <c r="E19" s="21"/>
      <c r="F19" s="21"/>
      <c r="G19" s="21"/>
      <c r="H19" s="115"/>
      <c r="I19" s="116" t="s">
        <v>207</v>
      </c>
      <c r="J19" s="117"/>
      <c r="K19" s="117"/>
      <c r="L19" s="117"/>
      <c r="M19" s="117"/>
      <c r="N19" s="117"/>
      <c r="O19" s="117"/>
      <c r="P19" s="117"/>
      <c r="Q19" s="1672"/>
      <c r="R19" s="1673"/>
      <c r="S19" s="1673"/>
      <c r="T19" s="1674"/>
    </row>
    <row r="20" spans="1:20" ht="15" customHeight="1">
      <c r="A20" s="120"/>
      <c r="B20" s="121"/>
      <c r="C20" s="121"/>
      <c r="D20" s="121"/>
      <c r="E20" s="121"/>
      <c r="F20" s="121"/>
      <c r="G20" s="121"/>
      <c r="H20" s="122"/>
      <c r="I20" s="116" t="s">
        <v>336</v>
      </c>
      <c r="J20" s="117"/>
      <c r="K20" s="117"/>
      <c r="L20" s="134"/>
      <c r="M20" s="116" t="s">
        <v>337</v>
      </c>
      <c r="N20" s="117"/>
      <c r="O20" s="117"/>
      <c r="P20" s="117"/>
      <c r="Q20" s="1675"/>
      <c r="R20" s="1676"/>
      <c r="S20" s="1676"/>
      <c r="T20" s="1677"/>
    </row>
    <row r="21" spans="1:20" ht="15" customHeight="1">
      <c r="A21" s="1678"/>
      <c r="B21" s="116" t="s">
        <v>86</v>
      </c>
      <c r="C21" s="117"/>
      <c r="D21" s="117"/>
      <c r="E21" s="117"/>
      <c r="F21" s="117"/>
      <c r="G21" s="117"/>
      <c r="H21" s="134"/>
      <c r="I21" s="1679"/>
      <c r="J21" s="1680"/>
      <c r="K21" s="1680"/>
      <c r="L21" s="1681"/>
      <c r="M21" s="1679"/>
      <c r="N21" s="1680"/>
      <c r="O21" s="1680"/>
      <c r="P21" s="1680"/>
      <c r="Q21" s="1675"/>
      <c r="R21" s="1676"/>
      <c r="S21" s="1676"/>
      <c r="T21" s="1677"/>
    </row>
    <row r="22" spans="1:20" ht="15" customHeight="1">
      <c r="A22" s="1682"/>
      <c r="B22" s="116" t="s">
        <v>46</v>
      </c>
      <c r="C22" s="117"/>
      <c r="D22" s="117"/>
      <c r="E22" s="117"/>
      <c r="F22" s="117"/>
      <c r="G22" s="117"/>
      <c r="H22" s="134"/>
      <c r="I22" s="1679"/>
      <c r="J22" s="1680"/>
      <c r="K22" s="1680"/>
      <c r="L22" s="1681"/>
      <c r="M22" s="1679"/>
      <c r="N22" s="1680"/>
      <c r="O22" s="1680"/>
      <c r="P22" s="1680"/>
      <c r="Q22" s="1675"/>
      <c r="R22" s="1676"/>
      <c r="S22" s="1676"/>
      <c r="T22" s="1677"/>
    </row>
    <row r="23" spans="1:20" ht="15" customHeight="1">
      <c r="A23" s="1287" t="s">
        <v>338</v>
      </c>
      <c r="B23" s="117"/>
      <c r="C23" s="117"/>
      <c r="D23" s="117"/>
      <c r="E23" s="117"/>
      <c r="F23" s="117"/>
      <c r="G23" s="117"/>
      <c r="H23" s="1102"/>
      <c r="I23" s="1683"/>
      <c r="J23" s="1683"/>
      <c r="K23" s="1683"/>
      <c r="L23" s="1683"/>
      <c r="M23" s="1683"/>
      <c r="N23" s="1683"/>
      <c r="O23" s="1683"/>
      <c r="P23" s="1684" t="s">
        <v>172</v>
      </c>
      <c r="Q23" s="1685"/>
      <c r="R23" s="1686"/>
      <c r="S23" s="1686"/>
      <c r="T23" s="1687"/>
    </row>
    <row r="24" spans="1:20" ht="15" customHeight="1" thickBot="1">
      <c r="A24" s="143" t="s">
        <v>48</v>
      </c>
      <c r="B24" s="144"/>
      <c r="C24" s="144"/>
      <c r="D24" s="144"/>
      <c r="E24" s="144"/>
      <c r="F24" s="144"/>
      <c r="G24" s="144"/>
      <c r="H24" s="1288"/>
      <c r="I24" s="1289" t="s">
        <v>142</v>
      </c>
      <c r="J24" s="146"/>
      <c r="K24" s="146"/>
      <c r="L24" s="146"/>
      <c r="M24" s="146"/>
      <c r="N24" s="146"/>
      <c r="O24" s="146"/>
      <c r="P24" s="146"/>
      <c r="Q24" s="1688"/>
      <c r="R24" s="1689"/>
      <c r="S24" s="1689"/>
      <c r="T24" s="1690"/>
    </row>
    <row r="25" spans="1:20" ht="14.45" customHeight="1">
      <c r="A25" s="1589"/>
    </row>
    <row r="26" spans="1:20" ht="14.45" customHeight="1">
      <c r="A26" s="1589" t="s">
        <v>52</v>
      </c>
      <c r="B26" s="165" t="s">
        <v>339</v>
      </c>
      <c r="C26" s="165"/>
      <c r="D26" s="165"/>
      <c r="E26" s="165"/>
      <c r="F26" s="165"/>
      <c r="G26" s="165"/>
      <c r="H26" s="165"/>
      <c r="I26" s="165"/>
      <c r="J26" s="165"/>
      <c r="K26" s="165"/>
      <c r="L26" s="165"/>
      <c r="M26" s="165"/>
      <c r="N26" s="165"/>
      <c r="O26" s="165"/>
      <c r="P26" s="165"/>
      <c r="Q26" s="165"/>
      <c r="R26" s="165"/>
      <c r="S26" s="165"/>
      <c r="T26" s="165"/>
    </row>
    <row r="27" spans="1:20" ht="14.45" customHeight="1">
      <c r="A27" s="1691"/>
      <c r="B27" s="165"/>
      <c r="C27" s="165"/>
      <c r="D27" s="165"/>
      <c r="E27" s="165"/>
      <c r="F27" s="165"/>
      <c r="G27" s="165"/>
      <c r="H27" s="165"/>
      <c r="I27" s="165"/>
      <c r="J27" s="165"/>
      <c r="K27" s="165"/>
      <c r="L27" s="165"/>
      <c r="M27" s="165"/>
      <c r="N27" s="165"/>
      <c r="O27" s="165"/>
      <c r="P27" s="165"/>
      <c r="Q27" s="165"/>
      <c r="R27" s="165"/>
      <c r="S27" s="165"/>
      <c r="T27" s="165"/>
    </row>
    <row r="28" spans="1:20" ht="14.45" customHeight="1">
      <c r="A28" s="1692"/>
      <c r="B28" s="165"/>
      <c r="C28" s="165"/>
      <c r="D28" s="165"/>
      <c r="E28" s="165"/>
      <c r="F28" s="165"/>
      <c r="G28" s="165"/>
      <c r="H28" s="165"/>
      <c r="I28" s="165"/>
      <c r="J28" s="165"/>
      <c r="K28" s="165"/>
      <c r="L28" s="165"/>
      <c r="M28" s="165"/>
      <c r="N28" s="165"/>
      <c r="O28" s="165"/>
      <c r="P28" s="165"/>
      <c r="Q28" s="165"/>
      <c r="R28" s="165"/>
      <c r="S28" s="165"/>
      <c r="T28" s="165"/>
    </row>
    <row r="29" spans="1:20">
      <c r="B29" s="1686"/>
    </row>
  </sheetData>
  <mergeCells count="62">
    <mergeCell ref="B26:T28"/>
    <mergeCell ref="B22:H22"/>
    <mergeCell ref="I22:L22"/>
    <mergeCell ref="M22:P22"/>
    <mergeCell ref="A23:H23"/>
    <mergeCell ref="I23:O23"/>
    <mergeCell ref="A24:H24"/>
    <mergeCell ref="I24:P24"/>
    <mergeCell ref="A18:T18"/>
    <mergeCell ref="A19:H20"/>
    <mergeCell ref="I19:P19"/>
    <mergeCell ref="Q19:T22"/>
    <mergeCell ref="I20:L20"/>
    <mergeCell ref="M20:P20"/>
    <mergeCell ref="A21:A22"/>
    <mergeCell ref="B21:H21"/>
    <mergeCell ref="I21:L21"/>
    <mergeCell ref="M21:P21"/>
    <mergeCell ref="B14:E14"/>
    <mergeCell ref="F14:T14"/>
    <mergeCell ref="B15:D17"/>
    <mergeCell ref="F15:Q15"/>
    <mergeCell ref="R15:S15"/>
    <mergeCell ref="E16:E17"/>
    <mergeCell ref="F16:T16"/>
    <mergeCell ref="F17:T17"/>
    <mergeCell ref="A11:A17"/>
    <mergeCell ref="B11:C11"/>
    <mergeCell ref="D11:L11"/>
    <mergeCell ref="M11:N13"/>
    <mergeCell ref="O11:P11"/>
    <mergeCell ref="B12:C12"/>
    <mergeCell ref="D12:L12"/>
    <mergeCell ref="O12:T13"/>
    <mergeCell ref="B13:C13"/>
    <mergeCell ref="D13:L13"/>
    <mergeCell ref="D8:T8"/>
    <mergeCell ref="B9:C10"/>
    <mergeCell ref="D9:E9"/>
    <mergeCell ref="F9:J9"/>
    <mergeCell ref="K9:L9"/>
    <mergeCell ref="M9:N9"/>
    <mergeCell ref="O9:P9"/>
    <mergeCell ref="Q9:T9"/>
    <mergeCell ref="D10:E10"/>
    <mergeCell ref="F10:T10"/>
    <mergeCell ref="F5:G5"/>
    <mergeCell ref="I5:J5"/>
    <mergeCell ref="L5:T5"/>
    <mergeCell ref="D6:G7"/>
    <mergeCell ref="J6:N7"/>
    <mergeCell ref="Q6:T7"/>
    <mergeCell ref="A1:T1"/>
    <mergeCell ref="A2:A10"/>
    <mergeCell ref="B2:C2"/>
    <mergeCell ref="D2:T2"/>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584156-18C6-469B-BED5-F45622F41747}">
  <sheetPr>
    <pageSetUpPr fitToPage="1"/>
  </sheetPr>
  <dimension ref="A1:T29"/>
  <sheetViews>
    <sheetView view="pageBreakPreview" zoomScale="130" zoomScaleNormal="100" zoomScaleSheetLayoutView="130" workbookViewId="0">
      <selection activeCell="D6" sqref="D6:G7"/>
    </sheetView>
  </sheetViews>
  <sheetFormatPr defaultColWidth="8.75" defaultRowHeight="16.5"/>
  <cols>
    <col min="1" max="1" width="6.75" style="2" customWidth="1"/>
    <col min="2" max="2" width="10.625" style="2" customWidth="1"/>
    <col min="3" max="3" width="8.5" style="2" customWidth="1"/>
    <col min="4" max="4" width="8.375" style="2" customWidth="1"/>
    <col min="5" max="5" width="8.875" style="2" customWidth="1"/>
    <col min="6" max="19" width="5.125" style="2" customWidth="1"/>
    <col min="20" max="20" width="12.375" style="2" customWidth="1"/>
    <col min="21" max="23" width="8" style="2" customWidth="1"/>
    <col min="24" max="16384" width="8.75" style="2"/>
  </cols>
  <sheetData>
    <row r="1" spans="1:20" ht="36" customHeight="1" thickBot="1">
      <c r="A1" s="1643" t="s">
        <v>340</v>
      </c>
      <c r="B1" s="1643"/>
      <c r="C1" s="1643"/>
      <c r="D1" s="1643"/>
      <c r="E1" s="1643"/>
      <c r="F1" s="1643"/>
      <c r="G1" s="1643"/>
      <c r="H1" s="1643"/>
      <c r="I1" s="1643"/>
      <c r="J1" s="1643"/>
      <c r="K1" s="1643"/>
      <c r="L1" s="1643"/>
      <c r="M1" s="1643"/>
      <c r="N1" s="1643"/>
      <c r="O1" s="1643"/>
      <c r="P1" s="1643"/>
      <c r="Q1" s="1643"/>
      <c r="R1" s="1643"/>
      <c r="S1" s="1643"/>
      <c r="T1" s="1643"/>
    </row>
    <row r="2" spans="1:20" ht="14.45" customHeight="1">
      <c r="A2" s="1644" t="s">
        <v>1</v>
      </c>
      <c r="B2" s="728" t="s">
        <v>2</v>
      </c>
      <c r="C2" s="729"/>
      <c r="D2" s="1532"/>
      <c r="E2" s="1533"/>
      <c r="F2" s="1533"/>
      <c r="G2" s="1533"/>
      <c r="H2" s="1533"/>
      <c r="I2" s="1533"/>
      <c r="J2" s="1533"/>
      <c r="K2" s="1533"/>
      <c r="L2" s="1533"/>
      <c r="M2" s="1533"/>
      <c r="N2" s="1533"/>
      <c r="O2" s="1533"/>
      <c r="P2" s="1533"/>
      <c r="Q2" s="1533"/>
      <c r="R2" s="1533"/>
      <c r="S2" s="1533"/>
      <c r="T2" s="1534"/>
    </row>
    <row r="3" spans="1:20" ht="15" customHeight="1">
      <c r="A3" s="1648"/>
      <c r="B3" s="116" t="s">
        <v>3</v>
      </c>
      <c r="C3" s="117"/>
      <c r="D3" s="1223"/>
      <c r="E3" s="465"/>
      <c r="F3" s="465"/>
      <c r="G3" s="465"/>
      <c r="H3" s="465"/>
      <c r="I3" s="465"/>
      <c r="J3" s="465"/>
      <c r="K3" s="465"/>
      <c r="L3" s="465"/>
      <c r="M3" s="465"/>
      <c r="N3" s="465"/>
      <c r="O3" s="465"/>
      <c r="P3" s="465"/>
      <c r="Q3" s="465"/>
      <c r="R3" s="465"/>
      <c r="S3" s="465"/>
      <c r="T3" s="601"/>
    </row>
    <row r="4" spans="1:20" ht="30" customHeight="1">
      <c r="A4" s="1648"/>
      <c r="B4" s="116" t="s">
        <v>92</v>
      </c>
      <c r="C4" s="117"/>
      <c r="D4" s="1223"/>
      <c r="E4" s="465"/>
      <c r="F4" s="465"/>
      <c r="G4" s="465"/>
      <c r="H4" s="465"/>
      <c r="I4" s="465"/>
      <c r="J4" s="465"/>
      <c r="K4" s="465"/>
      <c r="L4" s="465"/>
      <c r="M4" s="465"/>
      <c r="N4" s="465"/>
      <c r="O4" s="465"/>
      <c r="P4" s="465"/>
      <c r="Q4" s="465"/>
      <c r="R4" s="465"/>
      <c r="S4" s="465"/>
      <c r="T4" s="601"/>
    </row>
    <row r="5" spans="1:20" ht="15" customHeight="1">
      <c r="A5" s="1648"/>
      <c r="B5" s="118" t="s">
        <v>60</v>
      </c>
      <c r="C5" s="115"/>
      <c r="D5" s="1649" t="s">
        <v>6</v>
      </c>
      <c r="E5" s="1650"/>
      <c r="F5" s="1061"/>
      <c r="G5" s="1061"/>
      <c r="H5" s="19" t="s">
        <v>245</v>
      </c>
      <c r="I5" s="1061"/>
      <c r="J5" s="1061"/>
      <c r="K5" s="19" t="s">
        <v>332</v>
      </c>
      <c r="L5" s="21"/>
      <c r="M5" s="21"/>
      <c r="N5" s="21"/>
      <c r="O5" s="21"/>
      <c r="P5" s="21"/>
      <c r="Q5" s="21"/>
      <c r="R5" s="21"/>
      <c r="S5" s="21"/>
      <c r="T5" s="22"/>
    </row>
    <row r="6" spans="1:20" ht="15" customHeight="1">
      <c r="A6" s="1648"/>
      <c r="B6" s="468"/>
      <c r="C6" s="122"/>
      <c r="D6" s="1053"/>
      <c r="E6" s="276"/>
      <c r="F6" s="276"/>
      <c r="G6" s="276"/>
      <c r="H6" s="277" t="s">
        <v>64</v>
      </c>
      <c r="I6" s="278" t="s">
        <v>65</v>
      </c>
      <c r="J6" s="276"/>
      <c r="K6" s="276"/>
      <c r="L6" s="276"/>
      <c r="M6" s="276"/>
      <c r="N6" s="276"/>
      <c r="O6" s="277" t="s">
        <v>66</v>
      </c>
      <c r="P6" s="278" t="s">
        <v>67</v>
      </c>
      <c r="Q6" s="1054"/>
      <c r="R6" s="1054"/>
      <c r="S6" s="1054"/>
      <c r="T6" s="1055"/>
    </row>
    <row r="7" spans="1:20" ht="15" customHeight="1">
      <c r="A7" s="1648"/>
      <c r="B7" s="468"/>
      <c r="C7" s="122"/>
      <c r="D7" s="1053"/>
      <c r="E7" s="276"/>
      <c r="F7" s="276"/>
      <c r="G7" s="276"/>
      <c r="H7" s="277" t="s">
        <v>68</v>
      </c>
      <c r="I7" s="278" t="s">
        <v>69</v>
      </c>
      <c r="J7" s="276"/>
      <c r="K7" s="276"/>
      <c r="L7" s="276"/>
      <c r="M7" s="276"/>
      <c r="N7" s="276"/>
      <c r="O7" s="277" t="s">
        <v>70</v>
      </c>
      <c r="P7" s="278" t="s">
        <v>71</v>
      </c>
      <c r="Q7" s="1054"/>
      <c r="R7" s="1054"/>
      <c r="S7" s="1054"/>
      <c r="T7" s="1055"/>
    </row>
    <row r="8" spans="1:20" ht="18.95" customHeight="1">
      <c r="A8" s="1648"/>
      <c r="B8" s="125"/>
      <c r="C8" s="126"/>
      <c r="D8" s="461" t="s">
        <v>341</v>
      </c>
      <c r="E8" s="462"/>
      <c r="F8" s="462"/>
      <c r="G8" s="462"/>
      <c r="H8" s="462"/>
      <c r="I8" s="462"/>
      <c r="J8" s="462"/>
      <c r="K8" s="462"/>
      <c r="L8" s="462"/>
      <c r="M8" s="27"/>
      <c r="N8" s="27"/>
      <c r="O8" s="462"/>
      <c r="P8" s="462"/>
      <c r="Q8" s="462"/>
      <c r="R8" s="462"/>
      <c r="S8" s="462"/>
      <c r="T8" s="497"/>
    </row>
    <row r="9" spans="1:20" ht="15" customHeight="1">
      <c r="A9" s="1648"/>
      <c r="B9" s="118" t="s">
        <v>13</v>
      </c>
      <c r="C9" s="115"/>
      <c r="D9" s="116" t="s">
        <v>72</v>
      </c>
      <c r="E9" s="1102"/>
      <c r="F9" s="476"/>
      <c r="G9" s="473"/>
      <c r="H9" s="473"/>
      <c r="I9" s="473"/>
      <c r="J9" s="473"/>
      <c r="K9" s="1651" t="s">
        <v>15</v>
      </c>
      <c r="L9" s="1651"/>
      <c r="M9" s="474"/>
      <c r="N9" s="475"/>
      <c r="O9" s="31" t="s">
        <v>246</v>
      </c>
      <c r="P9" s="32"/>
      <c r="Q9" s="476"/>
      <c r="R9" s="473"/>
      <c r="S9" s="473"/>
      <c r="T9" s="603"/>
    </row>
    <row r="10" spans="1:20" ht="15" customHeight="1">
      <c r="A10" s="1652"/>
      <c r="B10" s="125"/>
      <c r="C10" s="126"/>
      <c r="D10" s="1466" t="s">
        <v>17</v>
      </c>
      <c r="E10" s="1468"/>
      <c r="F10" s="1405"/>
      <c r="G10" s="1405"/>
      <c r="H10" s="1405"/>
      <c r="I10" s="1405"/>
      <c r="J10" s="1405"/>
      <c r="K10" s="1405"/>
      <c r="L10" s="1405"/>
      <c r="M10" s="1405"/>
      <c r="N10" s="1405"/>
      <c r="O10" s="1405"/>
      <c r="P10" s="1405"/>
      <c r="Q10" s="1405"/>
      <c r="R10" s="1405"/>
      <c r="S10" s="1405"/>
      <c r="T10" s="1653"/>
    </row>
    <row r="11" spans="1:20" ht="15" customHeight="1">
      <c r="A11" s="1654" t="s">
        <v>18</v>
      </c>
      <c r="B11" s="116" t="s">
        <v>3</v>
      </c>
      <c r="C11" s="117"/>
      <c r="D11" s="1655"/>
      <c r="E11" s="1656"/>
      <c r="F11" s="1656"/>
      <c r="G11" s="1656"/>
      <c r="H11" s="1656"/>
      <c r="I11" s="1656"/>
      <c r="J11" s="1656"/>
      <c r="K11" s="1656"/>
      <c r="L11" s="1657"/>
      <c r="M11" s="565" t="s">
        <v>19</v>
      </c>
      <c r="N11" s="566"/>
      <c r="O11" s="1658" t="s">
        <v>6</v>
      </c>
      <c r="P11" s="1659"/>
      <c r="Q11" s="1660"/>
      <c r="R11" s="1661" t="s">
        <v>62</v>
      </c>
      <c r="S11" s="1662"/>
      <c r="T11" s="1663" t="s">
        <v>333</v>
      </c>
    </row>
    <row r="12" spans="1:20" ht="15" customHeight="1">
      <c r="A12" s="1664"/>
      <c r="B12" s="116" t="s">
        <v>334</v>
      </c>
      <c r="C12" s="117"/>
      <c r="D12" s="1255"/>
      <c r="E12" s="1256"/>
      <c r="F12" s="1256"/>
      <c r="G12" s="1256"/>
      <c r="H12" s="1256"/>
      <c r="I12" s="1256"/>
      <c r="J12" s="1256"/>
      <c r="K12" s="1256"/>
      <c r="L12" s="1257"/>
      <c r="M12" s="536"/>
      <c r="N12" s="492"/>
      <c r="O12" s="1056"/>
      <c r="P12" s="27"/>
      <c r="Q12" s="27"/>
      <c r="R12" s="27"/>
      <c r="S12" s="27"/>
      <c r="T12" s="28"/>
    </row>
    <row r="13" spans="1:20" ht="15" customHeight="1">
      <c r="A13" s="1664"/>
      <c r="B13" s="116" t="s">
        <v>23</v>
      </c>
      <c r="C13" s="117"/>
      <c r="D13" s="1665"/>
      <c r="E13" s="1666"/>
      <c r="F13" s="1667"/>
      <c r="G13" s="1667"/>
      <c r="H13" s="1667"/>
      <c r="I13" s="1667"/>
      <c r="J13" s="1667"/>
      <c r="K13" s="1667"/>
      <c r="L13" s="1668"/>
      <c r="M13" s="536"/>
      <c r="N13" s="492"/>
      <c r="O13" s="1056"/>
      <c r="P13" s="1669"/>
      <c r="Q13" s="1669"/>
      <c r="R13" s="1669"/>
      <c r="S13" s="1669"/>
      <c r="T13" s="28"/>
    </row>
    <row r="14" spans="1:20" ht="23.25" customHeight="1">
      <c r="A14" s="1664"/>
      <c r="B14" s="1693" t="s">
        <v>342</v>
      </c>
      <c r="C14" s="47"/>
      <c r="D14" s="47"/>
      <c r="E14" s="47"/>
      <c r="F14" s="57"/>
      <c r="G14" s="58"/>
      <c r="H14" s="58"/>
      <c r="I14" s="58"/>
      <c r="J14" s="58"/>
      <c r="K14" s="58"/>
      <c r="L14" s="58"/>
      <c r="M14" s="58"/>
      <c r="N14" s="58"/>
      <c r="O14" s="58"/>
      <c r="P14" s="58"/>
      <c r="Q14" s="58"/>
      <c r="R14" s="58"/>
      <c r="S14" s="58"/>
      <c r="T14" s="323"/>
    </row>
    <row r="15" spans="1:20" ht="21.75" customHeight="1">
      <c r="A15" s="1664"/>
      <c r="B15" s="1694" t="s">
        <v>343</v>
      </c>
      <c r="C15" s="1069"/>
      <c r="D15" s="1424" t="s">
        <v>26</v>
      </c>
      <c r="E15" s="1425"/>
      <c r="F15" s="57"/>
      <c r="G15" s="58"/>
      <c r="H15" s="58"/>
      <c r="I15" s="58"/>
      <c r="J15" s="58"/>
      <c r="K15" s="58"/>
      <c r="L15" s="58"/>
      <c r="M15" s="58"/>
      <c r="N15" s="58"/>
      <c r="O15" s="58"/>
      <c r="P15" s="58"/>
      <c r="Q15" s="58"/>
      <c r="R15" s="58"/>
      <c r="S15" s="58"/>
      <c r="T15" s="323"/>
    </row>
    <row r="16" spans="1:20" ht="15" customHeight="1">
      <c r="A16" s="1664"/>
      <c r="B16" s="89"/>
      <c r="C16" s="91"/>
      <c r="D16" s="325" t="s">
        <v>27</v>
      </c>
      <c r="E16" s="326"/>
      <c r="F16" s="1429"/>
      <c r="G16" s="1430"/>
      <c r="H16" s="1430"/>
      <c r="I16" s="1430"/>
      <c r="J16" s="1430"/>
      <c r="K16" s="1430"/>
      <c r="L16" s="1430"/>
      <c r="M16" s="1430"/>
      <c r="N16" s="1430"/>
      <c r="O16" s="1430"/>
      <c r="P16" s="1430"/>
      <c r="Q16" s="1430"/>
      <c r="R16" s="1430"/>
      <c r="S16" s="1430"/>
      <c r="T16" s="1431"/>
    </row>
    <row r="17" spans="1:20" ht="15" customHeight="1">
      <c r="A17" s="1664"/>
      <c r="B17" s="46"/>
      <c r="C17" s="48"/>
      <c r="D17" s="331"/>
      <c r="E17" s="332"/>
      <c r="F17" s="1433"/>
      <c r="G17" s="1434"/>
      <c r="H17" s="1434"/>
      <c r="I17" s="1434"/>
      <c r="J17" s="1434"/>
      <c r="K17" s="1434"/>
      <c r="L17" s="1434"/>
      <c r="M17" s="1434"/>
      <c r="N17" s="1434"/>
      <c r="O17" s="1434"/>
      <c r="P17" s="1434"/>
      <c r="Q17" s="1434"/>
      <c r="R17" s="1434"/>
      <c r="S17" s="1434"/>
      <c r="T17" s="1435"/>
    </row>
    <row r="18" spans="1:20" ht="15" customHeight="1">
      <c r="A18" s="1695" t="s">
        <v>112</v>
      </c>
      <c r="B18" s="525"/>
      <c r="C18" s="525"/>
      <c r="D18" s="525"/>
      <c r="E18" s="525"/>
      <c r="F18" s="525"/>
      <c r="G18" s="525"/>
      <c r="H18" s="525"/>
      <c r="I18" s="525"/>
      <c r="J18" s="525"/>
      <c r="K18" s="525"/>
      <c r="L18" s="525"/>
      <c r="M18" s="525"/>
      <c r="N18" s="525"/>
      <c r="O18" s="525"/>
      <c r="P18" s="525"/>
      <c r="Q18" s="525"/>
      <c r="R18" s="525"/>
      <c r="S18" s="525"/>
      <c r="T18" s="1696"/>
    </row>
    <row r="19" spans="1:20" ht="15" customHeight="1">
      <c r="A19" s="120" t="s">
        <v>335</v>
      </c>
      <c r="B19" s="121"/>
      <c r="C19" s="121"/>
      <c r="D19" s="121"/>
      <c r="E19" s="121"/>
      <c r="F19" s="121"/>
      <c r="G19" s="121"/>
      <c r="H19" s="125" t="s">
        <v>344</v>
      </c>
      <c r="I19" s="460"/>
      <c r="J19" s="460"/>
      <c r="K19" s="460"/>
      <c r="L19" s="460"/>
      <c r="M19" s="126"/>
      <c r="N19" s="1697"/>
      <c r="O19" s="164"/>
      <c r="P19" s="164"/>
      <c r="Q19" s="164"/>
      <c r="R19" s="164"/>
      <c r="S19" s="164"/>
      <c r="T19" s="1698"/>
    </row>
    <row r="20" spans="1:20" ht="15" customHeight="1">
      <c r="A20" s="120"/>
      <c r="B20" s="121"/>
      <c r="C20" s="121"/>
      <c r="D20" s="121"/>
      <c r="E20" s="121"/>
      <c r="F20" s="121"/>
      <c r="G20" s="121"/>
      <c r="H20" s="116" t="s">
        <v>345</v>
      </c>
      <c r="I20" s="117"/>
      <c r="J20" s="134"/>
      <c r="K20" s="116" t="s">
        <v>42</v>
      </c>
      <c r="L20" s="117"/>
      <c r="M20" s="134"/>
      <c r="N20" s="1697"/>
      <c r="O20" s="164"/>
      <c r="P20" s="164"/>
      <c r="Q20" s="164"/>
      <c r="R20" s="164"/>
      <c r="S20" s="164"/>
      <c r="T20" s="1698"/>
    </row>
    <row r="21" spans="1:20" ht="15" customHeight="1">
      <c r="A21" s="1678"/>
      <c r="B21" s="116" t="s">
        <v>86</v>
      </c>
      <c r="C21" s="117"/>
      <c r="D21" s="117"/>
      <c r="E21" s="117"/>
      <c r="F21" s="117"/>
      <c r="G21" s="117"/>
      <c r="H21" s="1679"/>
      <c r="I21" s="1680"/>
      <c r="J21" s="1681"/>
      <c r="K21" s="1679"/>
      <c r="L21" s="1680"/>
      <c r="M21" s="1681"/>
      <c r="N21" s="1685"/>
      <c r="O21" s="1686"/>
      <c r="P21" s="1686"/>
      <c r="Q21" s="1686"/>
      <c r="R21" s="1686"/>
      <c r="S21" s="1686"/>
      <c r="T21" s="1698"/>
    </row>
    <row r="22" spans="1:20" ht="15" customHeight="1">
      <c r="A22" s="1682"/>
      <c r="B22" s="116" t="s">
        <v>46</v>
      </c>
      <c r="C22" s="117"/>
      <c r="D22" s="117"/>
      <c r="E22" s="117"/>
      <c r="F22" s="117"/>
      <c r="G22" s="117"/>
      <c r="H22" s="1679"/>
      <c r="I22" s="1680"/>
      <c r="J22" s="1681"/>
      <c r="K22" s="1679"/>
      <c r="L22" s="1680"/>
      <c r="M22" s="1681"/>
      <c r="N22" s="1685"/>
      <c r="O22" s="1686"/>
      <c r="P22" s="1686"/>
      <c r="Q22" s="1686"/>
      <c r="R22" s="1686"/>
      <c r="S22" s="1686"/>
      <c r="T22" s="1698"/>
    </row>
    <row r="23" spans="1:20" ht="15" customHeight="1">
      <c r="A23" s="1287" t="s">
        <v>338</v>
      </c>
      <c r="B23" s="117"/>
      <c r="C23" s="117"/>
      <c r="D23" s="117"/>
      <c r="E23" s="117"/>
      <c r="F23" s="117"/>
      <c r="G23" s="1102"/>
      <c r="H23" s="1101"/>
      <c r="I23" s="117"/>
      <c r="J23" s="117"/>
      <c r="K23" s="117"/>
      <c r="L23" s="117"/>
      <c r="M23" s="1699" t="s">
        <v>172</v>
      </c>
      <c r="N23" s="1700"/>
      <c r="O23" s="1383"/>
      <c r="P23" s="1701"/>
      <c r="Q23" s="1686"/>
      <c r="R23" s="1686"/>
      <c r="S23" s="1686"/>
      <c r="T23" s="1687"/>
    </row>
    <row r="24" spans="1:20" ht="15" customHeight="1" thickBot="1">
      <c r="A24" s="143" t="s">
        <v>48</v>
      </c>
      <c r="B24" s="144"/>
      <c r="C24" s="144"/>
      <c r="D24" s="144"/>
      <c r="E24" s="144"/>
      <c r="F24" s="144"/>
      <c r="G24" s="145"/>
      <c r="H24" s="1386" t="s">
        <v>142</v>
      </c>
      <c r="I24" s="146"/>
      <c r="J24" s="146"/>
      <c r="K24" s="146"/>
      <c r="L24" s="146"/>
      <c r="M24" s="146"/>
      <c r="N24" s="146"/>
      <c r="O24" s="146"/>
      <c r="P24" s="146"/>
      <c r="Q24" s="146"/>
      <c r="R24" s="146"/>
      <c r="S24" s="146"/>
      <c r="T24" s="147"/>
    </row>
    <row r="25" spans="1:20" ht="14.45" customHeight="1">
      <c r="A25" s="1589"/>
    </row>
    <row r="26" spans="1:20" ht="14.45" customHeight="1">
      <c r="A26" s="1589" t="s">
        <v>52</v>
      </c>
      <c r="B26" s="165" t="s">
        <v>346</v>
      </c>
      <c r="C26" s="165"/>
      <c r="D26" s="165"/>
      <c r="E26" s="165"/>
      <c r="F26" s="165"/>
      <c r="G26" s="165"/>
      <c r="H26" s="165"/>
      <c r="I26" s="165"/>
      <c r="J26" s="165"/>
      <c r="K26" s="165"/>
      <c r="L26" s="165"/>
      <c r="M26" s="165"/>
      <c r="N26" s="165"/>
      <c r="O26" s="165"/>
      <c r="P26" s="165"/>
      <c r="Q26" s="165"/>
      <c r="R26" s="165"/>
      <c r="S26" s="165"/>
      <c r="T26" s="165"/>
    </row>
    <row r="27" spans="1:20" ht="14.45" customHeight="1">
      <c r="A27" s="1691"/>
      <c r="B27" s="165"/>
      <c r="C27" s="165"/>
      <c r="D27" s="165"/>
      <c r="E27" s="165"/>
      <c r="F27" s="165"/>
      <c r="G27" s="165"/>
      <c r="H27" s="165"/>
      <c r="I27" s="165"/>
      <c r="J27" s="165"/>
      <c r="K27" s="165"/>
      <c r="L27" s="165"/>
      <c r="M27" s="165"/>
      <c r="N27" s="165"/>
      <c r="O27" s="165"/>
      <c r="P27" s="165"/>
      <c r="Q27" s="165"/>
      <c r="R27" s="165"/>
      <c r="S27" s="165"/>
      <c r="T27" s="165"/>
    </row>
    <row r="28" spans="1:20" ht="14.45" customHeight="1">
      <c r="A28" s="1692"/>
      <c r="B28" s="165"/>
      <c r="C28" s="165"/>
      <c r="D28" s="165"/>
      <c r="E28" s="165"/>
      <c r="F28" s="165"/>
      <c r="G28" s="165"/>
      <c r="H28" s="165"/>
      <c r="I28" s="165"/>
      <c r="J28" s="165"/>
      <c r="K28" s="165"/>
      <c r="L28" s="165"/>
      <c r="M28" s="165"/>
      <c r="N28" s="165"/>
      <c r="O28" s="165"/>
      <c r="P28" s="165"/>
      <c r="Q28" s="165"/>
      <c r="R28" s="165"/>
      <c r="S28" s="165"/>
      <c r="T28" s="165"/>
    </row>
    <row r="29" spans="1:20">
      <c r="B29" s="1686"/>
    </row>
  </sheetData>
  <mergeCells count="61">
    <mergeCell ref="B26:T28"/>
    <mergeCell ref="H22:J22"/>
    <mergeCell ref="K22:M22"/>
    <mergeCell ref="A23:G23"/>
    <mergeCell ref="H23:L23"/>
    <mergeCell ref="A24:G24"/>
    <mergeCell ref="H24:T24"/>
    <mergeCell ref="A18:T18"/>
    <mergeCell ref="A19:G20"/>
    <mergeCell ref="H19:M19"/>
    <mergeCell ref="H20:J20"/>
    <mergeCell ref="K20:M20"/>
    <mergeCell ref="A21:A22"/>
    <mergeCell ref="B21:G21"/>
    <mergeCell ref="H21:J21"/>
    <mergeCell ref="K21:M21"/>
    <mergeCell ref="B22:G22"/>
    <mergeCell ref="B14:E14"/>
    <mergeCell ref="F14:T14"/>
    <mergeCell ref="B15:C17"/>
    <mergeCell ref="D15:E15"/>
    <mergeCell ref="F15:T15"/>
    <mergeCell ref="D16:E17"/>
    <mergeCell ref="F16:T16"/>
    <mergeCell ref="F17:T17"/>
    <mergeCell ref="A11:A17"/>
    <mergeCell ref="B11:C11"/>
    <mergeCell ref="D11:L11"/>
    <mergeCell ref="M11:N13"/>
    <mergeCell ref="O11:P11"/>
    <mergeCell ref="B12:C12"/>
    <mergeCell ref="D12:L12"/>
    <mergeCell ref="O12:T13"/>
    <mergeCell ref="B13:C13"/>
    <mergeCell ref="D13:L13"/>
    <mergeCell ref="D8:T8"/>
    <mergeCell ref="B9:C10"/>
    <mergeCell ref="D9:E9"/>
    <mergeCell ref="F9:J9"/>
    <mergeCell ref="K9:L9"/>
    <mergeCell ref="M9:N9"/>
    <mergeCell ref="O9:P9"/>
    <mergeCell ref="Q9:T9"/>
    <mergeCell ref="D10:E10"/>
    <mergeCell ref="F10:T10"/>
    <mergeCell ref="F5:G5"/>
    <mergeCell ref="I5:J5"/>
    <mergeCell ref="L5:T5"/>
    <mergeCell ref="D6:G7"/>
    <mergeCell ref="J6:N7"/>
    <mergeCell ref="Q6:T7"/>
    <mergeCell ref="A1:T1"/>
    <mergeCell ref="A2:A10"/>
    <mergeCell ref="B2:C2"/>
    <mergeCell ref="D2:T2"/>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273CBD-9839-460C-B4E1-C443F80B94D7}">
  <sheetPr>
    <pageSetUpPr fitToPage="1"/>
  </sheetPr>
  <dimension ref="A1:AC47"/>
  <sheetViews>
    <sheetView showGridLines="0" view="pageBreakPreview" zoomScaleNormal="100" zoomScaleSheetLayoutView="100" workbookViewId="0">
      <selection activeCell="A2" sqref="A2:AK76"/>
    </sheetView>
  </sheetViews>
  <sheetFormatPr defaultColWidth="8.75" defaultRowHeight="16.5"/>
  <cols>
    <col min="1" max="6" width="6" style="306" customWidth="1"/>
    <col min="7" max="7" width="5.5" style="306" customWidth="1"/>
    <col min="8" max="8" width="6.625" style="306" customWidth="1"/>
    <col min="9" max="9" width="6.5" style="306" customWidth="1"/>
    <col min="10" max="22" width="6" style="306" customWidth="1"/>
    <col min="23" max="23" width="8.75" style="2"/>
    <col min="24" max="24" width="14.875" style="2" customWidth="1"/>
    <col min="25" max="25" width="9.375" style="2" bestFit="1" customWidth="1"/>
    <col min="26" max="16384" width="8.75" style="2"/>
  </cols>
  <sheetData>
    <row r="1" spans="1:29" ht="36" customHeight="1" thickBot="1">
      <c r="A1" s="250" t="s">
        <v>58</v>
      </c>
      <c r="B1" s="250"/>
      <c r="C1" s="250"/>
      <c r="D1" s="250"/>
      <c r="E1" s="250"/>
      <c r="F1" s="250"/>
      <c r="G1" s="250"/>
      <c r="H1" s="250"/>
      <c r="I1" s="250"/>
      <c r="J1" s="250"/>
      <c r="K1" s="250"/>
      <c r="L1" s="250"/>
      <c r="M1" s="250"/>
      <c r="N1" s="250"/>
      <c r="O1" s="250"/>
      <c r="P1" s="250"/>
      <c r="Q1" s="250"/>
      <c r="R1" s="250"/>
      <c r="S1" s="250"/>
      <c r="T1" s="250"/>
      <c r="U1" s="250"/>
      <c r="V1" s="250"/>
    </row>
    <row r="2" spans="1:29" ht="15" customHeight="1">
      <c r="A2" s="251" t="s">
        <v>1</v>
      </c>
      <c r="B2" s="252" t="s">
        <v>2</v>
      </c>
      <c r="C2" s="253"/>
      <c r="D2" s="253"/>
      <c r="E2" s="5"/>
      <c r="F2" s="6"/>
      <c r="G2" s="6"/>
      <c r="H2" s="6"/>
      <c r="I2" s="6"/>
      <c r="J2" s="6"/>
      <c r="K2" s="6"/>
      <c r="L2" s="6"/>
      <c r="M2" s="6"/>
      <c r="N2" s="6"/>
      <c r="O2" s="6"/>
      <c r="P2" s="6"/>
      <c r="Q2" s="6"/>
      <c r="R2" s="6"/>
      <c r="S2" s="6"/>
      <c r="T2" s="6"/>
      <c r="U2" s="6"/>
      <c r="V2" s="7"/>
    </row>
    <row r="3" spans="1:29" ht="15" customHeight="1">
      <c r="A3" s="254"/>
      <c r="B3" s="255" t="s">
        <v>3</v>
      </c>
      <c r="C3" s="255"/>
      <c r="D3" s="256"/>
      <c r="E3" s="257"/>
      <c r="F3" s="258"/>
      <c r="G3" s="258"/>
      <c r="H3" s="258"/>
      <c r="I3" s="258"/>
      <c r="J3" s="258"/>
      <c r="K3" s="258"/>
      <c r="L3" s="258"/>
      <c r="M3" s="258"/>
      <c r="N3" s="258"/>
      <c r="O3" s="258"/>
      <c r="P3" s="258"/>
      <c r="Q3" s="258"/>
      <c r="R3" s="258"/>
      <c r="S3" s="258"/>
      <c r="T3" s="258"/>
      <c r="U3" s="258"/>
      <c r="V3" s="259"/>
    </row>
    <row r="4" spans="1:29" ht="30" customHeight="1">
      <c r="A4" s="254"/>
      <c r="B4" s="260" t="s">
        <v>59</v>
      </c>
      <c r="C4" s="260"/>
      <c r="D4" s="261"/>
      <c r="E4" s="262"/>
      <c r="F4" s="263"/>
      <c r="G4" s="263"/>
      <c r="H4" s="263"/>
      <c r="I4" s="263"/>
      <c r="J4" s="263"/>
      <c r="K4" s="263"/>
      <c r="L4" s="263"/>
      <c r="M4" s="263"/>
      <c r="N4" s="263"/>
      <c r="O4" s="263"/>
      <c r="P4" s="263"/>
      <c r="Q4" s="263"/>
      <c r="R4" s="263"/>
      <c r="S4" s="263"/>
      <c r="T4" s="263"/>
      <c r="U4" s="263"/>
      <c r="V4" s="264"/>
    </row>
    <row r="5" spans="1:29" ht="15" customHeight="1">
      <c r="A5" s="254"/>
      <c r="B5" s="265" t="s">
        <v>60</v>
      </c>
      <c r="C5" s="266"/>
      <c r="D5" s="267"/>
      <c r="E5" s="268" t="s">
        <v>61</v>
      </c>
      <c r="F5" s="266"/>
      <c r="G5" s="266"/>
      <c r="H5" s="269"/>
      <c r="I5" s="269"/>
      <c r="J5" s="270" t="s">
        <v>62</v>
      </c>
      <c r="K5" s="269"/>
      <c r="L5" s="269"/>
      <c r="M5" s="270" t="s">
        <v>63</v>
      </c>
      <c r="N5" s="266"/>
      <c r="O5" s="266"/>
      <c r="P5" s="266"/>
      <c r="Q5" s="266"/>
      <c r="R5" s="266"/>
      <c r="S5" s="266"/>
      <c r="T5" s="266"/>
      <c r="U5" s="266"/>
      <c r="V5" s="271"/>
    </row>
    <row r="6" spans="1:29" ht="15" customHeight="1">
      <c r="A6" s="254"/>
      <c r="B6" s="272"/>
      <c r="C6" s="273"/>
      <c r="D6" s="274"/>
      <c r="E6" s="275"/>
      <c r="F6" s="276"/>
      <c r="G6" s="276"/>
      <c r="H6" s="276"/>
      <c r="I6" s="277" t="s">
        <v>64</v>
      </c>
      <c r="J6" s="278" t="s">
        <v>65</v>
      </c>
      <c r="K6" s="276"/>
      <c r="L6" s="276"/>
      <c r="M6" s="276"/>
      <c r="N6" s="276"/>
      <c r="O6" s="276"/>
      <c r="P6" s="277" t="s">
        <v>66</v>
      </c>
      <c r="Q6" s="278" t="s">
        <v>67</v>
      </c>
      <c r="R6" s="276"/>
      <c r="S6" s="276"/>
      <c r="T6" s="276"/>
      <c r="U6" s="276"/>
      <c r="V6" s="279"/>
      <c r="W6" s="280"/>
      <c r="X6" s="280"/>
      <c r="Y6" s="280"/>
      <c r="Z6" s="280"/>
      <c r="AA6" s="280"/>
      <c r="AB6" s="280"/>
      <c r="AC6" s="280"/>
    </row>
    <row r="7" spans="1:29" ht="15" customHeight="1">
      <c r="A7" s="254"/>
      <c r="B7" s="272"/>
      <c r="C7" s="273"/>
      <c r="D7" s="274"/>
      <c r="E7" s="275"/>
      <c r="F7" s="276"/>
      <c r="G7" s="276"/>
      <c r="H7" s="276"/>
      <c r="I7" s="277" t="s">
        <v>68</v>
      </c>
      <c r="J7" s="278" t="s">
        <v>69</v>
      </c>
      <c r="K7" s="276"/>
      <c r="L7" s="276"/>
      <c r="M7" s="276"/>
      <c r="N7" s="276"/>
      <c r="O7" s="276"/>
      <c r="P7" s="277" t="s">
        <v>70</v>
      </c>
      <c r="Q7" s="278" t="s">
        <v>71</v>
      </c>
      <c r="R7" s="276"/>
      <c r="S7" s="276"/>
      <c r="T7" s="276"/>
      <c r="U7" s="276"/>
      <c r="V7" s="279"/>
      <c r="W7" s="280"/>
      <c r="X7" s="280"/>
      <c r="Y7" s="280"/>
      <c r="Z7" s="280"/>
      <c r="AA7" s="280"/>
      <c r="AB7" s="280"/>
      <c r="AC7" s="280"/>
    </row>
    <row r="8" spans="1:29" ht="19.149999999999999" customHeight="1">
      <c r="A8" s="254"/>
      <c r="B8" s="281"/>
      <c r="C8" s="282"/>
      <c r="D8" s="283"/>
      <c r="E8" s="257"/>
      <c r="F8" s="258"/>
      <c r="G8" s="258"/>
      <c r="H8" s="258"/>
      <c r="I8" s="258"/>
      <c r="J8" s="258"/>
      <c r="K8" s="258"/>
      <c r="L8" s="258"/>
      <c r="M8" s="258"/>
      <c r="N8" s="258"/>
      <c r="O8" s="258"/>
      <c r="P8" s="258"/>
      <c r="Q8" s="258"/>
      <c r="R8" s="258"/>
      <c r="S8" s="258"/>
      <c r="T8" s="258"/>
      <c r="U8" s="258"/>
      <c r="V8" s="259"/>
    </row>
    <row r="9" spans="1:29" ht="15" customHeight="1">
      <c r="A9" s="254"/>
      <c r="B9" s="266" t="s">
        <v>13</v>
      </c>
      <c r="C9" s="266"/>
      <c r="D9" s="266"/>
      <c r="E9" s="284" t="s">
        <v>72</v>
      </c>
      <c r="F9" s="285"/>
      <c r="G9" s="286"/>
      <c r="H9" s="287"/>
      <c r="I9" s="287"/>
      <c r="J9" s="287"/>
      <c r="K9" s="288" t="s">
        <v>15</v>
      </c>
      <c r="L9" s="288"/>
      <c r="M9" s="289"/>
      <c r="N9" s="290"/>
      <c r="O9" s="291" t="s">
        <v>73</v>
      </c>
      <c r="P9" s="260"/>
      <c r="Q9" s="286"/>
      <c r="R9" s="287"/>
      <c r="S9" s="287"/>
      <c r="T9" s="287"/>
      <c r="U9" s="287"/>
      <c r="V9" s="292"/>
    </row>
    <row r="10" spans="1:29" ht="15" customHeight="1">
      <c r="A10" s="293"/>
      <c r="B10" s="294"/>
      <c r="C10" s="294"/>
      <c r="D10" s="294"/>
      <c r="E10" s="295" t="s">
        <v>17</v>
      </c>
      <c r="F10" s="296"/>
      <c r="G10" s="286"/>
      <c r="H10" s="287"/>
      <c r="I10" s="287"/>
      <c r="J10" s="287"/>
      <c r="K10" s="287"/>
      <c r="L10" s="287"/>
      <c r="M10" s="287"/>
      <c r="N10" s="287"/>
      <c r="O10" s="287"/>
      <c r="P10" s="287"/>
      <c r="Q10" s="287"/>
      <c r="R10" s="287"/>
      <c r="S10" s="287"/>
      <c r="T10" s="287"/>
      <c r="U10" s="287"/>
      <c r="V10" s="292"/>
    </row>
    <row r="11" spans="1:29" ht="15" customHeight="1">
      <c r="A11" s="297" t="s">
        <v>18</v>
      </c>
      <c r="B11" s="291" t="s">
        <v>3</v>
      </c>
      <c r="C11" s="260"/>
      <c r="D11" s="298"/>
      <c r="E11" s="299"/>
      <c r="F11" s="300"/>
      <c r="G11" s="258"/>
      <c r="H11" s="258"/>
      <c r="I11" s="258"/>
      <c r="J11" s="301"/>
      <c r="K11" s="302" t="s">
        <v>74</v>
      </c>
      <c r="L11" s="302"/>
      <c r="M11" s="303" t="s">
        <v>20</v>
      </c>
      <c r="N11" s="303"/>
      <c r="O11" s="304"/>
      <c r="P11" s="304"/>
      <c r="Q11" s="305" t="s">
        <v>75</v>
      </c>
      <c r="R11" s="304"/>
      <c r="S11" s="304"/>
      <c r="T11" s="305" t="s">
        <v>30</v>
      </c>
      <c r="V11" s="307"/>
      <c r="W11" s="306"/>
    </row>
    <row r="12" spans="1:29" ht="17.45" customHeight="1">
      <c r="A12" s="297"/>
      <c r="B12" s="291" t="s">
        <v>76</v>
      </c>
      <c r="C12" s="260"/>
      <c r="D12" s="298"/>
      <c r="E12" s="299"/>
      <c r="F12" s="300"/>
      <c r="G12" s="300"/>
      <c r="H12" s="300"/>
      <c r="I12" s="300"/>
      <c r="J12" s="308"/>
      <c r="K12" s="309"/>
      <c r="L12" s="309"/>
      <c r="M12" s="310"/>
      <c r="N12" s="311"/>
      <c r="O12" s="311"/>
      <c r="P12" s="311"/>
      <c r="Q12" s="311"/>
      <c r="R12" s="311"/>
      <c r="S12" s="311"/>
      <c r="T12" s="311"/>
      <c r="U12" s="311"/>
      <c r="V12" s="312"/>
      <c r="W12" s="306"/>
    </row>
    <row r="13" spans="1:29" ht="23.45" customHeight="1">
      <c r="A13" s="297"/>
      <c r="B13" s="291" t="s">
        <v>23</v>
      </c>
      <c r="C13" s="260"/>
      <c r="D13" s="298"/>
      <c r="E13" s="313"/>
      <c r="F13" s="314"/>
      <c r="G13" s="314"/>
      <c r="H13" s="314"/>
      <c r="I13" s="314"/>
      <c r="J13" s="315"/>
      <c r="K13" s="316"/>
      <c r="L13" s="316"/>
      <c r="M13" s="310"/>
      <c r="N13" s="311"/>
      <c r="O13" s="311"/>
      <c r="P13" s="311"/>
      <c r="Q13" s="311"/>
      <c r="R13" s="311"/>
      <c r="S13" s="311"/>
      <c r="T13" s="311"/>
      <c r="U13" s="311"/>
      <c r="V13" s="312"/>
      <c r="W13" s="306"/>
    </row>
    <row r="14" spans="1:29" ht="35.25" customHeight="1">
      <c r="A14" s="297"/>
      <c r="B14" s="317" t="s">
        <v>77</v>
      </c>
      <c r="C14" s="317"/>
      <c r="D14" s="317"/>
      <c r="E14" s="317"/>
      <c r="F14" s="317"/>
      <c r="G14" s="317"/>
      <c r="H14" s="317"/>
      <c r="I14" s="317"/>
      <c r="J14" s="317"/>
      <c r="K14" s="318"/>
      <c r="L14" s="318"/>
      <c r="M14" s="318"/>
      <c r="N14" s="318"/>
      <c r="O14" s="318"/>
      <c r="P14" s="318"/>
      <c r="Q14" s="318"/>
      <c r="R14" s="318"/>
      <c r="S14" s="318"/>
      <c r="T14" s="318"/>
      <c r="U14" s="318"/>
      <c r="V14" s="319"/>
      <c r="W14" s="306"/>
    </row>
    <row r="15" spans="1:29" ht="41.25" customHeight="1">
      <c r="A15" s="297"/>
      <c r="B15" s="82" t="s">
        <v>78</v>
      </c>
      <c r="C15" s="83"/>
      <c r="D15" s="83"/>
      <c r="E15" s="83"/>
      <c r="F15" s="83"/>
      <c r="G15" s="84"/>
      <c r="H15" s="320" t="s">
        <v>26</v>
      </c>
      <c r="I15" s="321"/>
      <c r="J15" s="322"/>
      <c r="K15" s="57"/>
      <c r="L15" s="58"/>
      <c r="M15" s="58"/>
      <c r="N15" s="58"/>
      <c r="O15" s="58"/>
      <c r="P15" s="58"/>
      <c r="Q15" s="58"/>
      <c r="R15" s="58"/>
      <c r="S15" s="58"/>
      <c r="T15" s="58"/>
      <c r="U15" s="58"/>
      <c r="V15" s="323"/>
      <c r="W15" s="306"/>
      <c r="Y15" s="324"/>
    </row>
    <row r="16" spans="1:29" ht="30.75" customHeight="1">
      <c r="A16" s="297"/>
      <c r="B16" s="89"/>
      <c r="C16" s="90"/>
      <c r="D16" s="90"/>
      <c r="E16" s="90"/>
      <c r="F16" s="90"/>
      <c r="G16" s="91"/>
      <c r="H16" s="325" t="s">
        <v>79</v>
      </c>
      <c r="I16" s="326"/>
      <c r="J16" s="327"/>
      <c r="K16" s="328"/>
      <c r="L16" s="329"/>
      <c r="M16" s="329"/>
      <c r="N16" s="329"/>
      <c r="O16" s="329"/>
      <c r="P16" s="329"/>
      <c r="Q16" s="329"/>
      <c r="R16" s="329"/>
      <c r="S16" s="329"/>
      <c r="T16" s="329"/>
      <c r="U16" s="329"/>
      <c r="V16" s="330"/>
      <c r="W16" s="306"/>
    </row>
    <row r="17" spans="1:23" ht="33.75" customHeight="1">
      <c r="A17" s="297"/>
      <c r="B17" s="46"/>
      <c r="C17" s="47"/>
      <c r="D17" s="47"/>
      <c r="E17" s="47"/>
      <c r="F17" s="47"/>
      <c r="G17" s="48"/>
      <c r="H17" s="331"/>
      <c r="I17" s="332"/>
      <c r="J17" s="333"/>
      <c r="K17" s="334"/>
      <c r="L17" s="335"/>
      <c r="M17" s="335"/>
      <c r="N17" s="335"/>
      <c r="O17" s="335"/>
      <c r="P17" s="335"/>
      <c r="Q17" s="335"/>
      <c r="R17" s="335"/>
      <c r="S17" s="335"/>
      <c r="T17" s="335"/>
      <c r="U17" s="335"/>
      <c r="V17" s="336"/>
      <c r="W17" s="306"/>
    </row>
    <row r="18" spans="1:23" ht="15" customHeight="1">
      <c r="A18" s="337" t="s">
        <v>32</v>
      </c>
      <c r="B18" s="338"/>
      <c r="C18" s="338"/>
      <c r="D18" s="338"/>
      <c r="E18" s="338"/>
      <c r="F18" s="338"/>
      <c r="G18" s="338"/>
      <c r="H18" s="338"/>
      <c r="I18" s="338"/>
      <c r="J18" s="338"/>
      <c r="K18" s="338"/>
      <c r="L18" s="338"/>
      <c r="M18" s="338"/>
      <c r="N18" s="338"/>
      <c r="O18" s="338"/>
      <c r="P18" s="338"/>
      <c r="Q18" s="338"/>
      <c r="R18" s="338"/>
      <c r="S18" s="338"/>
      <c r="T18" s="338"/>
      <c r="U18" s="338"/>
      <c r="V18" s="339"/>
    </row>
    <row r="19" spans="1:23" s="345" customFormat="1" ht="15.6" customHeight="1">
      <c r="A19" s="340" t="s">
        <v>80</v>
      </c>
      <c r="B19" s="341"/>
      <c r="C19" s="341"/>
      <c r="D19" s="341"/>
      <c r="E19" s="341"/>
      <c r="F19" s="341"/>
      <c r="G19" s="341"/>
      <c r="H19" s="342"/>
      <c r="I19" s="343"/>
      <c r="J19" s="343"/>
      <c r="K19" s="343"/>
      <c r="L19" s="343"/>
      <c r="M19" s="343"/>
      <c r="N19" s="343"/>
      <c r="O19" s="343"/>
      <c r="P19" s="343"/>
      <c r="Q19" s="343"/>
      <c r="R19" s="343"/>
      <c r="S19" s="343"/>
      <c r="T19" s="343"/>
      <c r="U19" s="343"/>
      <c r="V19" s="344"/>
    </row>
    <row r="20" spans="1:23" s="345" customFormat="1" ht="15" customHeight="1">
      <c r="A20" s="346" t="s">
        <v>81</v>
      </c>
      <c r="B20" s="347"/>
      <c r="C20" s="347"/>
      <c r="D20" s="347"/>
      <c r="E20" s="348"/>
      <c r="F20" s="348"/>
      <c r="G20" s="348"/>
      <c r="H20" s="349"/>
      <c r="I20" s="349"/>
      <c r="J20" s="350" t="s">
        <v>82</v>
      </c>
      <c r="K20" s="351"/>
      <c r="L20" s="351"/>
      <c r="M20" s="351"/>
      <c r="N20" s="351"/>
      <c r="O20" s="351"/>
      <c r="P20" s="351"/>
      <c r="Q20" s="351"/>
      <c r="R20" s="351"/>
      <c r="S20" s="351"/>
      <c r="T20" s="351"/>
      <c r="U20" s="351"/>
      <c r="V20" s="352"/>
    </row>
    <row r="21" spans="1:23" ht="12.6" customHeight="1">
      <c r="A21" s="353" t="s">
        <v>33</v>
      </c>
      <c r="B21" s="354"/>
      <c r="C21" s="354"/>
      <c r="D21" s="354"/>
      <c r="E21" s="355" t="s">
        <v>34</v>
      </c>
      <c r="F21" s="355"/>
      <c r="G21" s="355"/>
      <c r="H21" s="355"/>
      <c r="I21" s="355"/>
      <c r="J21" s="355"/>
      <c r="K21" s="355"/>
      <c r="L21" s="355"/>
      <c r="M21" s="355" t="s">
        <v>35</v>
      </c>
      <c r="N21" s="355"/>
      <c r="O21" s="355"/>
      <c r="P21" s="355"/>
      <c r="Q21" s="355" t="s">
        <v>83</v>
      </c>
      <c r="R21" s="355"/>
      <c r="S21" s="355"/>
      <c r="T21" s="355"/>
      <c r="U21" s="356"/>
      <c r="V21" s="357"/>
      <c r="W21" s="2" t="s">
        <v>51</v>
      </c>
    </row>
    <row r="22" spans="1:23" ht="12.6" customHeight="1">
      <c r="A22" s="358"/>
      <c r="B22" s="273"/>
      <c r="C22" s="273"/>
      <c r="D22" s="273"/>
      <c r="E22" s="355" t="s">
        <v>84</v>
      </c>
      <c r="F22" s="355"/>
      <c r="G22" s="355"/>
      <c r="H22" s="355"/>
      <c r="I22" s="355" t="s">
        <v>85</v>
      </c>
      <c r="J22" s="355"/>
      <c r="K22" s="355"/>
      <c r="L22" s="355"/>
      <c r="M22" s="355"/>
      <c r="N22" s="355"/>
      <c r="O22" s="355"/>
      <c r="P22" s="355"/>
      <c r="Q22" s="355"/>
      <c r="R22" s="355"/>
      <c r="S22" s="355"/>
      <c r="T22" s="355"/>
      <c r="U22" s="359"/>
      <c r="V22" s="360"/>
    </row>
    <row r="23" spans="1:23" ht="12.75" customHeight="1">
      <c r="A23" s="358"/>
      <c r="B23" s="273"/>
      <c r="C23" s="273"/>
      <c r="D23" s="273"/>
      <c r="E23" s="355" t="s">
        <v>44</v>
      </c>
      <c r="F23" s="355"/>
      <c r="G23" s="355" t="s">
        <v>43</v>
      </c>
      <c r="H23" s="355"/>
      <c r="I23" s="355" t="s">
        <v>44</v>
      </c>
      <c r="J23" s="355"/>
      <c r="K23" s="355" t="s">
        <v>43</v>
      </c>
      <c r="L23" s="355"/>
      <c r="M23" s="355" t="s">
        <v>44</v>
      </c>
      <c r="N23" s="355"/>
      <c r="O23" s="355" t="s">
        <v>43</v>
      </c>
      <c r="P23" s="355"/>
      <c r="Q23" s="355" t="s">
        <v>44</v>
      </c>
      <c r="R23" s="355"/>
      <c r="S23" s="355" t="s">
        <v>43</v>
      </c>
      <c r="T23" s="355"/>
      <c r="U23" s="359"/>
      <c r="V23" s="360"/>
    </row>
    <row r="24" spans="1:23" ht="12.6" customHeight="1">
      <c r="A24" s="361"/>
      <c r="B24" s="309" t="s">
        <v>86</v>
      </c>
      <c r="C24" s="309"/>
      <c r="D24" s="362"/>
      <c r="E24" s="363"/>
      <c r="F24" s="363"/>
      <c r="G24" s="363"/>
      <c r="H24" s="363"/>
      <c r="I24" s="363"/>
      <c r="J24" s="363"/>
      <c r="K24" s="363"/>
      <c r="L24" s="363"/>
      <c r="M24" s="363"/>
      <c r="N24" s="363"/>
      <c r="O24" s="363"/>
      <c r="P24" s="363"/>
      <c r="Q24" s="363"/>
      <c r="R24" s="363"/>
      <c r="S24" s="363"/>
      <c r="T24" s="363"/>
      <c r="U24" s="359"/>
      <c r="V24" s="360"/>
    </row>
    <row r="25" spans="1:23" ht="12.6" customHeight="1" thickBot="1">
      <c r="A25" s="364"/>
      <c r="B25" s="365" t="s">
        <v>46</v>
      </c>
      <c r="C25" s="365"/>
      <c r="D25" s="366"/>
      <c r="E25" s="367"/>
      <c r="F25" s="367"/>
      <c r="G25" s="367"/>
      <c r="H25" s="367"/>
      <c r="I25" s="367"/>
      <c r="J25" s="367"/>
      <c r="K25" s="367"/>
      <c r="L25" s="367"/>
      <c r="M25" s="367"/>
      <c r="N25" s="367"/>
      <c r="O25" s="367"/>
      <c r="P25" s="367"/>
      <c r="Q25" s="367"/>
      <c r="R25" s="367"/>
      <c r="S25" s="367"/>
      <c r="T25" s="367"/>
      <c r="U25" s="368"/>
      <c r="V25" s="369"/>
    </row>
    <row r="26" spans="1:23" ht="36" customHeight="1" thickBot="1">
      <c r="A26" s="370" t="s">
        <v>87</v>
      </c>
      <c r="B26" s="370"/>
      <c r="C26" s="370"/>
      <c r="D26" s="370"/>
      <c r="E26" s="370"/>
      <c r="F26" s="370"/>
      <c r="G26" s="370"/>
      <c r="H26" s="370"/>
      <c r="I26" s="370"/>
      <c r="J26" s="370"/>
      <c r="K26" s="370"/>
      <c r="L26" s="370"/>
      <c r="M26" s="370"/>
      <c r="N26" s="370"/>
      <c r="O26" s="370"/>
      <c r="P26" s="370"/>
      <c r="Q26" s="370"/>
      <c r="R26" s="370"/>
      <c r="S26" s="370"/>
      <c r="T26" s="370"/>
      <c r="U26" s="370"/>
      <c r="V26" s="370"/>
    </row>
    <row r="27" spans="1:23" ht="15" customHeight="1">
      <c r="A27" s="251" t="s">
        <v>1</v>
      </c>
      <c r="B27" s="371" t="s">
        <v>3</v>
      </c>
      <c r="C27" s="371"/>
      <c r="D27" s="372"/>
      <c r="E27" s="373"/>
      <c r="F27" s="374"/>
      <c r="G27" s="374"/>
      <c r="H27" s="374"/>
      <c r="I27" s="374"/>
      <c r="J27" s="374"/>
      <c r="K27" s="374"/>
      <c r="L27" s="374"/>
      <c r="M27" s="374"/>
      <c r="N27" s="374"/>
      <c r="O27" s="374"/>
      <c r="P27" s="374"/>
      <c r="Q27" s="374"/>
      <c r="R27" s="374"/>
      <c r="S27" s="374"/>
      <c r="T27" s="374"/>
      <c r="U27" s="374"/>
      <c r="V27" s="375"/>
    </row>
    <row r="28" spans="1:23" ht="24" customHeight="1">
      <c r="A28" s="254"/>
      <c r="B28" s="260" t="s">
        <v>59</v>
      </c>
      <c r="C28" s="260"/>
      <c r="D28" s="261"/>
      <c r="E28" s="262"/>
      <c r="F28" s="263"/>
      <c r="G28" s="263"/>
      <c r="H28" s="263"/>
      <c r="I28" s="263"/>
      <c r="J28" s="263"/>
      <c r="K28" s="263"/>
      <c r="L28" s="263"/>
      <c r="M28" s="263"/>
      <c r="N28" s="263"/>
      <c r="O28" s="263"/>
      <c r="P28" s="263"/>
      <c r="Q28" s="263"/>
      <c r="R28" s="263"/>
      <c r="S28" s="263"/>
      <c r="T28" s="263"/>
      <c r="U28" s="263"/>
      <c r="V28" s="264"/>
    </row>
    <row r="29" spans="1:23" ht="15" customHeight="1">
      <c r="A29" s="254"/>
      <c r="B29" s="265" t="s">
        <v>60</v>
      </c>
      <c r="C29" s="266"/>
      <c r="D29" s="267"/>
      <c r="E29" s="268" t="s">
        <v>61</v>
      </c>
      <c r="F29" s="266"/>
      <c r="G29" s="266"/>
      <c r="H29" s="269"/>
      <c r="I29" s="269"/>
      <c r="J29" s="270" t="s">
        <v>62</v>
      </c>
      <c r="K29" s="269"/>
      <c r="L29" s="269"/>
      <c r="M29" s="270" t="s">
        <v>63</v>
      </c>
      <c r="N29" s="266"/>
      <c r="O29" s="266"/>
      <c r="P29" s="266"/>
      <c r="Q29" s="266"/>
      <c r="R29" s="266"/>
      <c r="S29" s="266"/>
      <c r="T29" s="266"/>
      <c r="U29" s="266"/>
      <c r="V29" s="271"/>
    </row>
    <row r="30" spans="1:23" ht="15" customHeight="1">
      <c r="A30" s="254"/>
      <c r="B30" s="272"/>
      <c r="C30" s="273"/>
      <c r="D30" s="274"/>
      <c r="E30" s="275"/>
      <c r="F30" s="276"/>
      <c r="G30" s="276"/>
      <c r="H30" s="276"/>
      <c r="I30" s="277" t="s">
        <v>64</v>
      </c>
      <c r="J30" s="278" t="s">
        <v>65</v>
      </c>
      <c r="K30" s="276"/>
      <c r="L30" s="276"/>
      <c r="M30" s="276"/>
      <c r="N30" s="276"/>
      <c r="O30" s="276"/>
      <c r="P30" s="277" t="s">
        <v>66</v>
      </c>
      <c r="Q30" s="278" t="s">
        <v>67</v>
      </c>
      <c r="R30" s="276"/>
      <c r="S30" s="276"/>
      <c r="T30" s="276"/>
      <c r="U30" s="276"/>
      <c r="V30" s="279"/>
    </row>
    <row r="31" spans="1:23" ht="15" customHeight="1">
      <c r="A31" s="254"/>
      <c r="B31" s="272"/>
      <c r="C31" s="273"/>
      <c r="D31" s="274"/>
      <c r="E31" s="275"/>
      <c r="F31" s="276"/>
      <c r="G31" s="276"/>
      <c r="H31" s="276"/>
      <c r="I31" s="277" t="s">
        <v>68</v>
      </c>
      <c r="J31" s="278" t="s">
        <v>69</v>
      </c>
      <c r="K31" s="276"/>
      <c r="L31" s="276"/>
      <c r="M31" s="276"/>
      <c r="N31" s="276"/>
      <c r="O31" s="276"/>
      <c r="P31" s="277" t="s">
        <v>70</v>
      </c>
      <c r="Q31" s="278" t="s">
        <v>71</v>
      </c>
      <c r="R31" s="276"/>
      <c r="S31" s="276"/>
      <c r="T31" s="276"/>
      <c r="U31" s="276"/>
      <c r="V31" s="279"/>
    </row>
    <row r="32" spans="1:23" ht="19.149999999999999" customHeight="1">
      <c r="A32" s="254"/>
      <c r="B32" s="281"/>
      <c r="C32" s="282"/>
      <c r="D32" s="283"/>
      <c r="E32" s="257"/>
      <c r="F32" s="258"/>
      <c r="G32" s="258"/>
      <c r="H32" s="258"/>
      <c r="I32" s="258"/>
      <c r="J32" s="258"/>
      <c r="K32" s="258"/>
      <c r="L32" s="258"/>
      <c r="M32" s="258"/>
      <c r="N32" s="258"/>
      <c r="O32" s="258"/>
      <c r="P32" s="258"/>
      <c r="Q32" s="258"/>
      <c r="R32" s="258"/>
      <c r="S32" s="258"/>
      <c r="T32" s="258"/>
      <c r="U32" s="258"/>
      <c r="V32" s="259"/>
    </row>
    <row r="33" spans="1:22" ht="15" customHeight="1">
      <c r="A33" s="254"/>
      <c r="B33" s="266" t="s">
        <v>13</v>
      </c>
      <c r="C33" s="266"/>
      <c r="D33" s="266"/>
      <c r="E33" s="284" t="s">
        <v>72</v>
      </c>
      <c r="F33" s="285"/>
      <c r="G33" s="286"/>
      <c r="H33" s="287"/>
      <c r="I33" s="287"/>
      <c r="J33" s="287"/>
      <c r="K33" s="288" t="s">
        <v>15</v>
      </c>
      <c r="L33" s="288"/>
      <c r="M33" s="289"/>
      <c r="N33" s="290"/>
      <c r="O33" s="291" t="s">
        <v>73</v>
      </c>
      <c r="P33" s="260"/>
      <c r="Q33" s="286"/>
      <c r="R33" s="287"/>
      <c r="S33" s="287"/>
      <c r="T33" s="287"/>
      <c r="U33" s="287"/>
      <c r="V33" s="292"/>
    </row>
    <row r="34" spans="1:22" ht="15" customHeight="1" thickBot="1">
      <c r="A34" s="376"/>
      <c r="B34" s="377"/>
      <c r="C34" s="377"/>
      <c r="D34" s="377"/>
      <c r="E34" s="378" t="s">
        <v>17</v>
      </c>
      <c r="F34" s="379"/>
      <c r="G34" s="380"/>
      <c r="H34" s="381"/>
      <c r="I34" s="381"/>
      <c r="J34" s="381"/>
      <c r="K34" s="381"/>
      <c r="L34" s="381"/>
      <c r="M34" s="381"/>
      <c r="N34" s="381"/>
      <c r="O34" s="381"/>
      <c r="P34" s="381"/>
      <c r="Q34" s="381"/>
      <c r="R34" s="381"/>
      <c r="S34" s="381"/>
      <c r="T34" s="381"/>
      <c r="U34" s="381"/>
      <c r="V34" s="382"/>
    </row>
    <row r="35" spans="1:22">
      <c r="A35" s="383"/>
      <c r="B35" s="384"/>
      <c r="C35" s="384"/>
      <c r="D35" s="384"/>
      <c r="E35" s="384"/>
      <c r="F35" s="384"/>
      <c r="G35" s="385"/>
      <c r="H35" s="385"/>
      <c r="I35" s="385"/>
      <c r="J35" s="385"/>
      <c r="K35" s="385"/>
      <c r="L35" s="385"/>
      <c r="M35" s="385"/>
      <c r="N35" s="385"/>
      <c r="O35" s="385"/>
      <c r="P35" s="385"/>
      <c r="Q35" s="385"/>
      <c r="R35" s="385"/>
      <c r="S35" s="385"/>
      <c r="T35" s="385"/>
      <c r="U35" s="385"/>
      <c r="V35" s="385"/>
    </row>
    <row r="36" spans="1:22" ht="12.6" customHeight="1">
      <c r="A36" s="386" t="s">
        <v>52</v>
      </c>
      <c r="B36" s="387" t="s">
        <v>88</v>
      </c>
      <c r="C36" s="387"/>
      <c r="D36" s="387"/>
      <c r="E36" s="387"/>
      <c r="F36" s="387"/>
      <c r="G36" s="387"/>
      <c r="H36" s="387"/>
      <c r="I36" s="387"/>
      <c r="J36" s="387"/>
      <c r="K36" s="387"/>
      <c r="L36" s="387"/>
      <c r="M36" s="387"/>
      <c r="N36" s="387"/>
      <c r="O36" s="387"/>
      <c r="P36" s="387"/>
      <c r="Q36" s="387"/>
      <c r="R36" s="387"/>
      <c r="S36" s="387"/>
      <c r="T36" s="387"/>
      <c r="U36" s="387"/>
      <c r="V36" s="387"/>
    </row>
    <row r="37" spans="1:22" ht="17.25">
      <c r="A37" s="388"/>
      <c r="B37" s="387"/>
      <c r="C37" s="387"/>
      <c r="D37" s="387"/>
      <c r="E37" s="387"/>
      <c r="F37" s="387"/>
      <c r="G37" s="387"/>
      <c r="H37" s="387"/>
      <c r="I37" s="387"/>
      <c r="J37" s="387"/>
      <c r="K37" s="387"/>
      <c r="L37" s="387"/>
      <c r="M37" s="387"/>
      <c r="N37" s="387"/>
      <c r="O37" s="387"/>
      <c r="P37" s="387"/>
      <c r="Q37" s="387"/>
      <c r="R37" s="387"/>
      <c r="S37" s="387"/>
      <c r="T37" s="387"/>
      <c r="U37" s="387"/>
      <c r="V37" s="387"/>
    </row>
    <row r="38" spans="1:22" ht="17.25">
      <c r="A38" s="389"/>
      <c r="B38" s="387"/>
      <c r="C38" s="387"/>
      <c r="D38" s="387"/>
      <c r="E38" s="387"/>
      <c r="F38" s="387"/>
      <c r="G38" s="387"/>
      <c r="H38" s="387"/>
      <c r="I38" s="387"/>
      <c r="J38" s="387"/>
      <c r="K38" s="387"/>
      <c r="L38" s="387"/>
      <c r="M38" s="387"/>
      <c r="N38" s="387"/>
      <c r="O38" s="387"/>
      <c r="P38" s="387"/>
      <c r="Q38" s="387"/>
      <c r="R38" s="387"/>
      <c r="S38" s="387"/>
      <c r="T38" s="387"/>
      <c r="U38" s="387"/>
      <c r="V38" s="387"/>
    </row>
    <row r="39" spans="1:22" ht="17.25">
      <c r="A39" s="389"/>
      <c r="B39" s="387"/>
      <c r="C39" s="387"/>
      <c r="D39" s="387"/>
      <c r="E39" s="387"/>
      <c r="F39" s="387"/>
      <c r="G39" s="387"/>
      <c r="H39" s="387"/>
      <c r="I39" s="387"/>
      <c r="J39" s="387"/>
      <c r="K39" s="387"/>
      <c r="L39" s="387"/>
      <c r="M39" s="387"/>
      <c r="N39" s="387"/>
      <c r="O39" s="387"/>
      <c r="P39" s="387"/>
      <c r="Q39" s="387"/>
      <c r="R39" s="387"/>
      <c r="S39" s="387"/>
      <c r="T39" s="387"/>
      <c r="U39" s="387"/>
      <c r="V39" s="387"/>
    </row>
    <row r="40" spans="1:22" ht="17.25">
      <c r="A40" s="388"/>
      <c r="B40" s="387"/>
      <c r="C40" s="387"/>
      <c r="D40" s="387"/>
      <c r="E40" s="387"/>
      <c r="F40" s="387"/>
      <c r="G40" s="387"/>
      <c r="H40" s="387"/>
      <c r="I40" s="387"/>
      <c r="J40" s="387"/>
      <c r="K40" s="387"/>
      <c r="L40" s="387"/>
      <c r="M40" s="387"/>
      <c r="N40" s="387"/>
      <c r="O40" s="387"/>
      <c r="P40" s="387"/>
      <c r="Q40" s="387"/>
      <c r="R40" s="387"/>
      <c r="S40" s="387"/>
      <c r="T40" s="387"/>
      <c r="U40" s="387"/>
      <c r="V40" s="387"/>
    </row>
    <row r="41" spans="1:22">
      <c r="A41" s="390"/>
      <c r="B41" s="391"/>
      <c r="C41" s="391"/>
      <c r="D41" s="391"/>
      <c r="E41" s="391"/>
      <c r="F41" s="391"/>
      <c r="G41" s="391"/>
      <c r="H41" s="391"/>
      <c r="I41" s="391"/>
      <c r="J41" s="391"/>
      <c r="K41" s="391"/>
      <c r="L41" s="391"/>
      <c r="M41" s="391"/>
      <c r="N41" s="391"/>
      <c r="O41" s="391"/>
      <c r="P41" s="391"/>
      <c r="Q41" s="391"/>
      <c r="R41" s="391"/>
      <c r="S41" s="391"/>
      <c r="T41" s="391"/>
      <c r="U41" s="391"/>
      <c r="V41" s="391"/>
    </row>
    <row r="43" spans="1:22">
      <c r="A43" s="392"/>
      <c r="B43" s="392"/>
      <c r="C43" s="392"/>
      <c r="D43" s="392"/>
      <c r="E43" s="392"/>
      <c r="F43" s="392"/>
      <c r="G43" s="392"/>
      <c r="H43" s="392"/>
      <c r="I43" s="392"/>
      <c r="J43" s="392"/>
      <c r="K43" s="392"/>
      <c r="L43" s="392"/>
      <c r="M43" s="392"/>
      <c r="N43" s="392"/>
      <c r="O43" s="392"/>
      <c r="P43" s="392" t="s">
        <v>51</v>
      </c>
      <c r="Q43" s="392"/>
      <c r="R43" s="392"/>
      <c r="S43" s="392"/>
      <c r="T43" s="392"/>
      <c r="U43" s="392"/>
      <c r="V43" s="392"/>
    </row>
    <row r="45" spans="1:22">
      <c r="A45" s="392"/>
      <c r="B45" s="392"/>
      <c r="C45" s="392"/>
      <c r="D45" s="392"/>
      <c r="E45" s="392"/>
      <c r="F45" s="392"/>
      <c r="G45" s="392"/>
      <c r="H45" s="392"/>
      <c r="I45" s="392"/>
      <c r="J45" s="392"/>
      <c r="K45" s="392"/>
      <c r="L45" s="392"/>
      <c r="M45" s="392"/>
      <c r="N45" s="392"/>
      <c r="O45" s="392"/>
      <c r="P45" s="392"/>
      <c r="Q45" s="392"/>
      <c r="R45" s="392"/>
      <c r="S45" s="392"/>
      <c r="T45" s="392"/>
      <c r="U45" s="392"/>
      <c r="V45" s="392"/>
    </row>
    <row r="47" spans="1:22">
      <c r="A47" s="392"/>
      <c r="B47" s="392"/>
      <c r="C47" s="392"/>
      <c r="D47" s="392"/>
      <c r="E47" s="392"/>
      <c r="F47" s="392"/>
      <c r="G47" s="392"/>
      <c r="H47" s="392"/>
      <c r="I47" s="392"/>
      <c r="J47" s="392"/>
      <c r="K47" s="392"/>
      <c r="L47" s="392"/>
      <c r="M47" s="392"/>
      <c r="N47" s="392"/>
      <c r="O47" s="392"/>
      <c r="P47" s="392"/>
      <c r="Q47" s="392"/>
      <c r="R47" s="392"/>
      <c r="S47" s="392"/>
      <c r="T47" s="392"/>
      <c r="U47" s="392"/>
      <c r="V47" s="392"/>
    </row>
  </sheetData>
  <mergeCells count="109">
    <mergeCell ref="O33:P33"/>
    <mergeCell ref="Q33:V33"/>
    <mergeCell ref="E34:F34"/>
    <mergeCell ref="G34:V34"/>
    <mergeCell ref="B36:V40"/>
    <mergeCell ref="N29:V29"/>
    <mergeCell ref="E30:H31"/>
    <mergeCell ref="K30:O31"/>
    <mergeCell ref="R30:V31"/>
    <mergeCell ref="E32:V32"/>
    <mergeCell ref="B33:D34"/>
    <mergeCell ref="E33:F33"/>
    <mergeCell ref="G33:J33"/>
    <mergeCell ref="K33:L33"/>
    <mergeCell ref="M33:N33"/>
    <mergeCell ref="A26:V26"/>
    <mergeCell ref="A27:A34"/>
    <mergeCell ref="B27:D27"/>
    <mergeCell ref="E27:V27"/>
    <mergeCell ref="B28:D28"/>
    <mergeCell ref="E28:V28"/>
    <mergeCell ref="B29:D32"/>
    <mergeCell ref="E29:G29"/>
    <mergeCell ref="H29:I29"/>
    <mergeCell ref="K29:L29"/>
    <mergeCell ref="S24:T24"/>
    <mergeCell ref="B25:D25"/>
    <mergeCell ref="E25:F25"/>
    <mergeCell ref="G25:H25"/>
    <mergeCell ref="I25:J25"/>
    <mergeCell ref="K25:L25"/>
    <mergeCell ref="M25:N25"/>
    <mergeCell ref="O25:P25"/>
    <mergeCell ref="Q25:R25"/>
    <mergeCell ref="S25:T25"/>
    <mergeCell ref="Q23:R23"/>
    <mergeCell ref="S23:T23"/>
    <mergeCell ref="B24:D24"/>
    <mergeCell ref="E24:F24"/>
    <mergeCell ref="G24:H24"/>
    <mergeCell ref="I24:J24"/>
    <mergeCell ref="K24:L24"/>
    <mergeCell ref="M24:N24"/>
    <mergeCell ref="O24:P24"/>
    <mergeCell ref="Q24:R24"/>
    <mergeCell ref="E23:F23"/>
    <mergeCell ref="G23:H23"/>
    <mergeCell ref="I23:J23"/>
    <mergeCell ref="K23:L23"/>
    <mergeCell ref="M23:N23"/>
    <mergeCell ref="O23:P23"/>
    <mergeCell ref="A20:G20"/>
    <mergeCell ref="H20:I20"/>
    <mergeCell ref="K20:V20"/>
    <mergeCell ref="A21:D23"/>
    <mergeCell ref="E21:L21"/>
    <mergeCell ref="M21:P22"/>
    <mergeCell ref="Q21:T22"/>
    <mergeCell ref="U21:V25"/>
    <mergeCell ref="E22:H22"/>
    <mergeCell ref="I22:L22"/>
    <mergeCell ref="H16:J17"/>
    <mergeCell ref="K16:V16"/>
    <mergeCell ref="K17:V17"/>
    <mergeCell ref="A18:V18"/>
    <mergeCell ref="A19:G19"/>
    <mergeCell ref="H19:V19"/>
    <mergeCell ref="R11:S11"/>
    <mergeCell ref="B12:D12"/>
    <mergeCell ref="E12:J12"/>
    <mergeCell ref="M12:V13"/>
    <mergeCell ref="B13:D13"/>
    <mergeCell ref="E13:J13"/>
    <mergeCell ref="A11:A17"/>
    <mergeCell ref="B11:D11"/>
    <mergeCell ref="E11:J11"/>
    <mergeCell ref="K11:L13"/>
    <mergeCell ref="M11:N11"/>
    <mergeCell ref="O11:P11"/>
    <mergeCell ref="B14:J14"/>
    <mergeCell ref="K14:V14"/>
    <mergeCell ref="B15:G17"/>
    <mergeCell ref="K15:V15"/>
    <mergeCell ref="E8:V8"/>
    <mergeCell ref="B9:D10"/>
    <mergeCell ref="E9:F9"/>
    <mergeCell ref="G9:J9"/>
    <mergeCell ref="K9:L9"/>
    <mergeCell ref="M9:N9"/>
    <mergeCell ref="O9:P9"/>
    <mergeCell ref="Q9:V9"/>
    <mergeCell ref="E10:F10"/>
    <mergeCell ref="G10:V10"/>
    <mergeCell ref="H5:I5"/>
    <mergeCell ref="K5:L5"/>
    <mergeCell ref="N5:V5"/>
    <mergeCell ref="E6:H7"/>
    <mergeCell ref="K6:O7"/>
    <mergeCell ref="R6:V7"/>
    <mergeCell ref="A1:V1"/>
    <mergeCell ref="A2:A10"/>
    <mergeCell ref="B2:D2"/>
    <mergeCell ref="E2:V2"/>
    <mergeCell ref="B3:D3"/>
    <mergeCell ref="E3:V3"/>
    <mergeCell ref="B4:D4"/>
    <mergeCell ref="E4:V4"/>
    <mergeCell ref="B5:D8"/>
    <mergeCell ref="E5:G5"/>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238125</xdr:colOff>
                    <xdr:row>17</xdr:row>
                    <xdr:rowOff>171450</xdr:rowOff>
                  </from>
                  <to>
                    <xdr:col>8</xdr:col>
                    <xdr:colOff>457200</xdr:colOff>
                    <xdr:row>19</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219075</xdr:colOff>
                    <xdr:row>17</xdr:row>
                    <xdr:rowOff>171450</xdr:rowOff>
                  </from>
                  <to>
                    <xdr:col>12</xdr:col>
                    <xdr:colOff>47625</xdr:colOff>
                    <xdr:row>19</xdr:row>
                    <xdr:rowOff>95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1E477C-742E-48BA-9D86-B788834FA1D9}">
  <sheetPr>
    <pageSetUpPr fitToPage="1"/>
  </sheetPr>
  <dimension ref="A1:V19"/>
  <sheetViews>
    <sheetView showGridLines="0" view="pageBreakPreview" zoomScale="90" zoomScaleNormal="100" zoomScaleSheetLayoutView="90" workbookViewId="0">
      <selection activeCell="A2" sqref="A2:AK76"/>
    </sheetView>
  </sheetViews>
  <sheetFormatPr defaultColWidth="8.75" defaultRowHeight="16.5"/>
  <cols>
    <col min="1" max="22" width="6" style="452" customWidth="1"/>
    <col min="23" max="16384" width="8.75" style="171"/>
  </cols>
  <sheetData>
    <row r="1" spans="1:22" ht="31.9" customHeight="1">
      <c r="A1" s="393" t="s">
        <v>89</v>
      </c>
      <c r="B1" s="393"/>
      <c r="C1" s="393"/>
      <c r="D1" s="393"/>
      <c r="E1" s="393"/>
      <c r="F1" s="393"/>
      <c r="G1" s="393"/>
      <c r="H1" s="393"/>
      <c r="I1" s="393"/>
      <c r="J1" s="393"/>
      <c r="K1" s="393"/>
      <c r="L1" s="393"/>
      <c r="M1" s="393"/>
      <c r="N1" s="393"/>
      <c r="O1" s="393"/>
      <c r="P1" s="393"/>
      <c r="Q1" s="393"/>
      <c r="R1" s="393"/>
      <c r="S1" s="393"/>
      <c r="T1" s="393"/>
      <c r="U1" s="393"/>
      <c r="V1" s="393"/>
    </row>
    <row r="2" spans="1:22" ht="19.899999999999999" customHeight="1">
      <c r="A2" s="394" t="s">
        <v>87</v>
      </c>
      <c r="B2" s="394"/>
      <c r="C2" s="394"/>
      <c r="D2" s="394"/>
      <c r="E2" s="394"/>
      <c r="F2" s="394"/>
      <c r="G2" s="394"/>
      <c r="H2" s="394"/>
      <c r="I2" s="394"/>
      <c r="J2" s="394"/>
      <c r="K2" s="394"/>
      <c r="L2" s="394"/>
      <c r="M2" s="394"/>
      <c r="N2" s="394"/>
      <c r="O2" s="394"/>
      <c r="P2" s="394"/>
      <c r="Q2" s="394"/>
      <c r="R2" s="394"/>
      <c r="S2" s="394"/>
      <c r="T2" s="394"/>
      <c r="U2" s="394"/>
      <c r="V2" s="394"/>
    </row>
    <row r="3" spans="1:22" ht="22.15" customHeight="1" thickBot="1">
      <c r="A3" s="395" t="s">
        <v>57</v>
      </c>
      <c r="B3" s="395"/>
      <c r="C3" s="395"/>
      <c r="D3" s="395"/>
      <c r="E3" s="395"/>
      <c r="F3" s="395"/>
      <c r="G3" s="395"/>
      <c r="H3" s="395"/>
      <c r="I3" s="395"/>
      <c r="J3" s="395"/>
      <c r="K3" s="395"/>
      <c r="L3" s="395"/>
      <c r="M3" s="395"/>
      <c r="N3" s="395"/>
      <c r="O3" s="395"/>
      <c r="P3" s="395"/>
      <c r="Q3" s="395"/>
      <c r="R3" s="395"/>
      <c r="S3" s="395"/>
      <c r="T3" s="395"/>
      <c r="U3" s="395"/>
      <c r="V3" s="395"/>
    </row>
    <row r="4" spans="1:22" ht="15" customHeight="1">
      <c r="A4" s="396" t="s">
        <v>1</v>
      </c>
      <c r="B4" s="397" t="s">
        <v>3</v>
      </c>
      <c r="C4" s="397"/>
      <c r="D4" s="398"/>
      <c r="E4" s="399"/>
      <c r="F4" s="400"/>
      <c r="G4" s="400"/>
      <c r="H4" s="400"/>
      <c r="I4" s="400"/>
      <c r="J4" s="400"/>
      <c r="K4" s="400"/>
      <c r="L4" s="400"/>
      <c r="M4" s="400"/>
      <c r="N4" s="400"/>
      <c r="O4" s="400"/>
      <c r="P4" s="400"/>
      <c r="Q4" s="400"/>
      <c r="R4" s="400"/>
      <c r="S4" s="400"/>
      <c r="T4" s="400"/>
      <c r="U4" s="400"/>
      <c r="V4" s="401"/>
    </row>
    <row r="5" spans="1:22" ht="24" customHeight="1">
      <c r="A5" s="402"/>
      <c r="B5" s="403" t="s">
        <v>59</v>
      </c>
      <c r="C5" s="403"/>
      <c r="D5" s="404"/>
      <c r="E5" s="405"/>
      <c r="F5" s="406"/>
      <c r="G5" s="406"/>
      <c r="H5" s="406"/>
      <c r="I5" s="406"/>
      <c r="J5" s="406"/>
      <c r="K5" s="406"/>
      <c r="L5" s="406"/>
      <c r="M5" s="406"/>
      <c r="N5" s="406"/>
      <c r="O5" s="406"/>
      <c r="P5" s="406"/>
      <c r="Q5" s="406"/>
      <c r="R5" s="406"/>
      <c r="S5" s="406"/>
      <c r="T5" s="406"/>
      <c r="U5" s="406"/>
      <c r="V5" s="407"/>
    </row>
    <row r="6" spans="1:22" ht="15" customHeight="1">
      <c r="A6" s="402"/>
      <c r="B6" s="408" t="s">
        <v>60</v>
      </c>
      <c r="C6" s="409"/>
      <c r="D6" s="410"/>
      <c r="E6" s="411" t="s">
        <v>61</v>
      </c>
      <c r="F6" s="409"/>
      <c r="G6" s="409"/>
      <c r="H6" s="412"/>
      <c r="I6" s="412"/>
      <c r="J6" s="413" t="s">
        <v>62</v>
      </c>
      <c r="K6" s="412"/>
      <c r="L6" s="412"/>
      <c r="M6" s="413" t="s">
        <v>63</v>
      </c>
      <c r="N6" s="409"/>
      <c r="O6" s="409"/>
      <c r="P6" s="409"/>
      <c r="Q6" s="409"/>
      <c r="R6" s="409"/>
      <c r="S6" s="409"/>
      <c r="T6" s="409"/>
      <c r="U6" s="409"/>
      <c r="V6" s="414"/>
    </row>
    <row r="7" spans="1:22" ht="15" customHeight="1">
      <c r="A7" s="402"/>
      <c r="B7" s="415"/>
      <c r="C7" s="416"/>
      <c r="D7" s="417"/>
      <c r="E7" s="418"/>
      <c r="F7" s="419"/>
      <c r="G7" s="419"/>
      <c r="H7" s="419"/>
      <c r="I7" s="420" t="s">
        <v>64</v>
      </c>
      <c r="J7" s="421" t="s">
        <v>65</v>
      </c>
      <c r="K7" s="419"/>
      <c r="L7" s="419"/>
      <c r="M7" s="419"/>
      <c r="N7" s="419"/>
      <c r="O7" s="419"/>
      <c r="P7" s="420" t="s">
        <v>66</v>
      </c>
      <c r="Q7" s="421" t="s">
        <v>67</v>
      </c>
      <c r="R7" s="419"/>
      <c r="S7" s="419"/>
      <c r="T7" s="419"/>
      <c r="U7" s="419"/>
      <c r="V7" s="422"/>
    </row>
    <row r="8" spans="1:22" ht="15" customHeight="1">
      <c r="A8" s="402"/>
      <c r="B8" s="415"/>
      <c r="C8" s="416"/>
      <c r="D8" s="417"/>
      <c r="E8" s="418"/>
      <c r="F8" s="419"/>
      <c r="G8" s="419"/>
      <c r="H8" s="419"/>
      <c r="I8" s="420" t="s">
        <v>68</v>
      </c>
      <c r="J8" s="421" t="s">
        <v>69</v>
      </c>
      <c r="K8" s="419"/>
      <c r="L8" s="419"/>
      <c r="M8" s="419"/>
      <c r="N8" s="419"/>
      <c r="O8" s="419"/>
      <c r="P8" s="420" t="s">
        <v>70</v>
      </c>
      <c r="Q8" s="421" t="s">
        <v>71</v>
      </c>
      <c r="R8" s="419"/>
      <c r="S8" s="419"/>
      <c r="T8" s="419"/>
      <c r="U8" s="419"/>
      <c r="V8" s="422"/>
    </row>
    <row r="9" spans="1:22" ht="19.149999999999999" customHeight="1">
      <c r="A9" s="402"/>
      <c r="B9" s="423"/>
      <c r="C9" s="424"/>
      <c r="D9" s="425"/>
      <c r="E9" s="426"/>
      <c r="F9" s="427"/>
      <c r="G9" s="427"/>
      <c r="H9" s="427"/>
      <c r="I9" s="427"/>
      <c r="J9" s="427"/>
      <c r="K9" s="427"/>
      <c r="L9" s="427"/>
      <c r="M9" s="427"/>
      <c r="N9" s="427"/>
      <c r="O9" s="427"/>
      <c r="P9" s="427"/>
      <c r="Q9" s="427"/>
      <c r="R9" s="427"/>
      <c r="S9" s="427"/>
      <c r="T9" s="427"/>
      <c r="U9" s="427"/>
      <c r="V9" s="428"/>
    </row>
    <row r="10" spans="1:22" ht="15" customHeight="1">
      <c r="A10" s="402"/>
      <c r="B10" s="409" t="s">
        <v>13</v>
      </c>
      <c r="C10" s="409"/>
      <c r="D10" s="409"/>
      <c r="E10" s="429" t="s">
        <v>72</v>
      </c>
      <c r="F10" s="430"/>
      <c r="G10" s="431"/>
      <c r="H10" s="432"/>
      <c r="I10" s="432"/>
      <c r="J10" s="432"/>
      <c r="K10" s="433" t="s">
        <v>15</v>
      </c>
      <c r="L10" s="433"/>
      <c r="M10" s="434"/>
      <c r="N10" s="435"/>
      <c r="O10" s="436" t="s">
        <v>73</v>
      </c>
      <c r="P10" s="403"/>
      <c r="Q10" s="431"/>
      <c r="R10" s="432"/>
      <c r="S10" s="432"/>
      <c r="T10" s="432"/>
      <c r="U10" s="432"/>
      <c r="V10" s="437"/>
    </row>
    <row r="11" spans="1:22" ht="15" customHeight="1" thickBot="1">
      <c r="A11" s="438"/>
      <c r="B11" s="439"/>
      <c r="C11" s="439"/>
      <c r="D11" s="439"/>
      <c r="E11" s="440" t="s">
        <v>17</v>
      </c>
      <c r="F11" s="441"/>
      <c r="G11" s="442"/>
      <c r="H11" s="443"/>
      <c r="I11" s="443"/>
      <c r="J11" s="443"/>
      <c r="K11" s="443"/>
      <c r="L11" s="443"/>
      <c r="M11" s="443"/>
      <c r="N11" s="443"/>
      <c r="O11" s="443"/>
      <c r="P11" s="443"/>
      <c r="Q11" s="443"/>
      <c r="R11" s="443"/>
      <c r="S11" s="443"/>
      <c r="T11" s="443"/>
      <c r="U11" s="443"/>
      <c r="V11" s="444"/>
    </row>
    <row r="12" spans="1:22">
      <c r="A12" s="445"/>
      <c r="B12" s="446"/>
      <c r="C12" s="446"/>
      <c r="D12" s="446"/>
      <c r="E12" s="446"/>
      <c r="F12" s="446"/>
      <c r="G12" s="447"/>
      <c r="H12" s="447"/>
      <c r="I12" s="447"/>
      <c r="J12" s="447"/>
      <c r="K12" s="447"/>
      <c r="L12" s="447"/>
      <c r="M12" s="447"/>
      <c r="N12" s="447"/>
      <c r="O12" s="447"/>
      <c r="P12" s="447"/>
      <c r="Q12" s="447"/>
      <c r="R12" s="447"/>
      <c r="S12" s="447"/>
      <c r="T12" s="447"/>
      <c r="U12" s="447"/>
      <c r="V12" s="447"/>
    </row>
    <row r="13" spans="1:22">
      <c r="A13" s="448"/>
      <c r="B13" s="449"/>
      <c r="C13" s="449"/>
      <c r="D13" s="449"/>
      <c r="E13" s="449"/>
      <c r="F13" s="449"/>
      <c r="G13" s="449"/>
      <c r="H13" s="449"/>
      <c r="I13" s="449"/>
      <c r="J13" s="449"/>
      <c r="K13" s="449"/>
      <c r="L13" s="449"/>
      <c r="M13" s="449"/>
      <c r="N13" s="449"/>
      <c r="O13" s="449"/>
      <c r="P13" s="449"/>
      <c r="Q13" s="449"/>
      <c r="R13" s="449"/>
      <c r="S13" s="449"/>
      <c r="T13" s="449"/>
      <c r="U13" s="449"/>
      <c r="V13" s="449"/>
    </row>
    <row r="14" spans="1:22">
      <c r="A14" s="450"/>
      <c r="B14" s="450"/>
      <c r="C14" s="450"/>
      <c r="D14" s="450"/>
      <c r="E14" s="450"/>
      <c r="F14" s="450"/>
      <c r="G14" s="450"/>
      <c r="H14" s="450"/>
      <c r="I14" s="450"/>
      <c r="J14" s="450"/>
      <c r="K14" s="450"/>
      <c r="L14" s="450"/>
      <c r="M14" s="450"/>
      <c r="N14" s="450"/>
      <c r="O14" s="450"/>
      <c r="P14" s="450"/>
      <c r="Q14" s="450"/>
      <c r="R14" s="450"/>
      <c r="S14" s="450"/>
      <c r="T14" s="450"/>
      <c r="U14" s="450"/>
      <c r="V14" s="450"/>
    </row>
    <row r="15" spans="1:22">
      <c r="A15" s="451"/>
      <c r="B15" s="451"/>
      <c r="C15" s="451"/>
      <c r="D15" s="451"/>
      <c r="E15" s="451"/>
      <c r="F15" s="451"/>
      <c r="G15" s="451"/>
      <c r="H15" s="451"/>
      <c r="I15" s="451"/>
      <c r="J15" s="451"/>
      <c r="K15" s="451"/>
      <c r="L15" s="451"/>
      <c r="M15" s="451"/>
      <c r="N15" s="451"/>
      <c r="O15" s="451"/>
      <c r="P15" s="451"/>
      <c r="Q15" s="451"/>
      <c r="R15" s="451"/>
      <c r="S15" s="451"/>
      <c r="T15" s="451"/>
      <c r="U15" s="451"/>
      <c r="V15" s="451"/>
    </row>
    <row r="16" spans="1:22">
      <c r="A16" s="450"/>
      <c r="B16" s="450"/>
      <c r="C16" s="450"/>
      <c r="D16" s="450"/>
      <c r="E16" s="450"/>
      <c r="F16" s="450"/>
      <c r="G16" s="450"/>
      <c r="H16" s="450"/>
      <c r="I16" s="450"/>
      <c r="J16" s="450"/>
      <c r="K16" s="450"/>
      <c r="L16" s="450"/>
      <c r="M16" s="450"/>
      <c r="N16" s="450"/>
      <c r="O16" s="450"/>
      <c r="P16" s="450"/>
      <c r="Q16" s="450"/>
      <c r="R16" s="450"/>
      <c r="S16" s="450"/>
      <c r="T16" s="450"/>
      <c r="U16" s="450"/>
      <c r="V16" s="450"/>
    </row>
    <row r="17" spans="1:22">
      <c r="A17" s="451"/>
      <c r="B17" s="451"/>
      <c r="C17" s="451"/>
      <c r="D17" s="451"/>
      <c r="E17" s="451"/>
      <c r="F17" s="451"/>
      <c r="G17" s="451"/>
      <c r="H17" s="451"/>
      <c r="I17" s="451"/>
      <c r="J17" s="451"/>
      <c r="K17" s="451"/>
      <c r="L17" s="451"/>
      <c r="M17" s="451"/>
      <c r="N17" s="451"/>
      <c r="O17" s="451"/>
      <c r="P17" s="451"/>
      <c r="Q17" s="451"/>
      <c r="R17" s="451"/>
      <c r="S17" s="451"/>
      <c r="T17" s="451"/>
      <c r="U17" s="451"/>
      <c r="V17" s="451"/>
    </row>
    <row r="18" spans="1:22">
      <c r="A18" s="450"/>
      <c r="B18" s="450"/>
      <c r="C18" s="450"/>
      <c r="D18" s="450"/>
      <c r="E18" s="450"/>
      <c r="F18" s="450"/>
      <c r="G18" s="450"/>
      <c r="H18" s="450"/>
      <c r="I18" s="450"/>
      <c r="J18" s="450"/>
      <c r="K18" s="450"/>
      <c r="L18" s="450"/>
      <c r="M18" s="450"/>
      <c r="N18" s="450"/>
      <c r="O18" s="450"/>
      <c r="P18" s="450"/>
      <c r="Q18" s="450"/>
      <c r="R18" s="450"/>
      <c r="S18" s="450"/>
      <c r="T18" s="450"/>
      <c r="U18" s="450"/>
      <c r="V18" s="450"/>
    </row>
    <row r="19" spans="1:22">
      <c r="A19" s="451"/>
      <c r="B19" s="451"/>
      <c r="C19" s="451"/>
      <c r="D19" s="451"/>
      <c r="E19" s="451"/>
      <c r="F19" s="451"/>
      <c r="G19" s="451"/>
      <c r="H19" s="451"/>
      <c r="I19" s="451"/>
      <c r="J19" s="451"/>
      <c r="K19" s="451"/>
      <c r="L19" s="451"/>
      <c r="M19" s="451"/>
      <c r="N19" s="451"/>
      <c r="O19" s="451"/>
      <c r="P19" s="451"/>
      <c r="Q19" s="451"/>
      <c r="R19" s="451"/>
      <c r="S19" s="451"/>
      <c r="T19" s="451"/>
      <c r="U19" s="451"/>
      <c r="V19" s="451"/>
    </row>
  </sheetData>
  <mergeCells count="25">
    <mergeCell ref="Q10:V10"/>
    <mergeCell ref="E11:F11"/>
    <mergeCell ref="G11:V11"/>
    <mergeCell ref="B10:D11"/>
    <mergeCell ref="E10:F10"/>
    <mergeCell ref="G10:J10"/>
    <mergeCell ref="K10:L10"/>
    <mergeCell ref="M10:N10"/>
    <mergeCell ref="O10:P10"/>
    <mergeCell ref="K6:L6"/>
    <mergeCell ref="N6:V6"/>
    <mergeCell ref="E7:H8"/>
    <mergeCell ref="K7:O8"/>
    <mergeCell ref="R7:V8"/>
    <mergeCell ref="E9:V9"/>
    <mergeCell ref="A1:V1"/>
    <mergeCell ref="A2:V2"/>
    <mergeCell ref="A4:A11"/>
    <mergeCell ref="B4:D4"/>
    <mergeCell ref="E4:V4"/>
    <mergeCell ref="B5:D5"/>
    <mergeCell ref="E5:V5"/>
    <mergeCell ref="B6:D9"/>
    <mergeCell ref="E6:G6"/>
    <mergeCell ref="H6:I6"/>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734653-1322-4E52-95C7-608A773CE179}">
  <sheetPr>
    <pageSetUpPr fitToPage="1"/>
  </sheetPr>
  <dimension ref="A1:X111"/>
  <sheetViews>
    <sheetView view="pageBreakPreview" zoomScaleNormal="80" zoomScaleSheetLayoutView="100" workbookViewId="0">
      <selection activeCell="A2" sqref="A2:AK76"/>
    </sheetView>
  </sheetViews>
  <sheetFormatPr defaultColWidth="8.75" defaultRowHeight="16.5"/>
  <cols>
    <col min="1" max="1" width="5.625" style="2" customWidth="1"/>
    <col min="2" max="2" width="9.75" style="2" customWidth="1"/>
    <col min="3" max="3" width="6" style="2" customWidth="1"/>
    <col min="4" max="4" width="6.125" style="2" customWidth="1"/>
    <col min="5" max="7" width="7.375" style="2" customWidth="1"/>
    <col min="8" max="15" width="6.625" style="2" customWidth="1"/>
    <col min="16" max="16" width="7.5" style="2" customWidth="1"/>
    <col min="17" max="17" width="5.875" style="2" customWidth="1"/>
    <col min="18" max="18" width="8.375" style="2" customWidth="1"/>
    <col min="19" max="19" width="6.625" style="2" customWidth="1"/>
    <col min="20" max="20" width="7.875" style="2" customWidth="1"/>
    <col min="21" max="23" width="8.75" style="2"/>
    <col min="24" max="24" width="9.375" style="2" bestFit="1" customWidth="1"/>
    <col min="25" max="16384" width="8.75" style="2"/>
  </cols>
  <sheetData>
    <row r="1" spans="1:24" ht="36.75" customHeight="1" thickBot="1">
      <c r="A1" s="1" t="s">
        <v>90</v>
      </c>
      <c r="B1" s="1"/>
      <c r="C1" s="1"/>
      <c r="D1" s="1"/>
      <c r="E1" s="1"/>
      <c r="F1" s="1"/>
      <c r="G1" s="1"/>
      <c r="H1" s="1"/>
      <c r="I1" s="1"/>
      <c r="J1" s="1"/>
      <c r="K1" s="1"/>
      <c r="L1" s="1"/>
      <c r="M1" s="1"/>
      <c r="N1" s="1"/>
      <c r="O1" s="1"/>
      <c r="P1" s="1"/>
      <c r="Q1" s="1"/>
      <c r="R1" s="1"/>
      <c r="S1" s="1"/>
      <c r="T1" s="1"/>
    </row>
    <row r="2" spans="1:24" ht="15" customHeight="1">
      <c r="A2" s="453" t="s">
        <v>91</v>
      </c>
      <c r="B2" s="454" t="s">
        <v>2</v>
      </c>
      <c r="C2" s="455"/>
      <c r="D2" s="455"/>
      <c r="E2" s="456"/>
      <c r="F2" s="457"/>
      <c r="G2" s="457"/>
      <c r="H2" s="457"/>
      <c r="I2" s="457"/>
      <c r="J2" s="457"/>
      <c r="K2" s="457"/>
      <c r="L2" s="457"/>
      <c r="M2" s="457"/>
      <c r="N2" s="457"/>
      <c r="O2" s="457"/>
      <c r="P2" s="457"/>
      <c r="Q2" s="457"/>
      <c r="R2" s="457"/>
      <c r="S2" s="457"/>
      <c r="T2" s="458"/>
    </row>
    <row r="3" spans="1:24" s="386" customFormat="1" ht="15" customHeight="1">
      <c r="A3" s="459"/>
      <c r="B3" s="125" t="s">
        <v>3</v>
      </c>
      <c r="C3" s="460"/>
      <c r="D3" s="126"/>
      <c r="E3" s="461"/>
      <c r="F3" s="462"/>
      <c r="G3" s="462"/>
      <c r="H3" s="462"/>
      <c r="I3" s="462"/>
      <c r="J3" s="462"/>
      <c r="K3" s="462"/>
      <c r="L3" s="462"/>
      <c r="M3" s="462"/>
      <c r="N3" s="462"/>
      <c r="O3" s="462"/>
      <c r="P3" s="462"/>
      <c r="Q3" s="462"/>
      <c r="R3" s="462"/>
      <c r="S3" s="462"/>
      <c r="T3" s="463"/>
    </row>
    <row r="4" spans="1:24" s="386" customFormat="1" ht="30" customHeight="1">
      <c r="A4" s="459"/>
      <c r="B4" s="116" t="s">
        <v>92</v>
      </c>
      <c r="C4" s="117"/>
      <c r="D4" s="134"/>
      <c r="E4" s="464"/>
      <c r="F4" s="465"/>
      <c r="G4" s="465"/>
      <c r="H4" s="465"/>
      <c r="I4" s="465"/>
      <c r="J4" s="465"/>
      <c r="K4" s="465"/>
      <c r="L4" s="465"/>
      <c r="M4" s="465"/>
      <c r="N4" s="465"/>
      <c r="O4" s="465"/>
      <c r="P4" s="465"/>
      <c r="Q4" s="465"/>
      <c r="R4" s="465"/>
      <c r="S4" s="465"/>
      <c r="T4" s="466"/>
    </row>
    <row r="5" spans="1:24" s="386" customFormat="1" ht="15" customHeight="1">
      <c r="A5" s="459"/>
      <c r="B5" s="118" t="s">
        <v>60</v>
      </c>
      <c r="C5" s="21"/>
      <c r="D5" s="115"/>
      <c r="E5" s="118" t="s">
        <v>6</v>
      </c>
      <c r="F5" s="21"/>
      <c r="G5" s="18"/>
      <c r="H5" s="19" t="s">
        <v>93</v>
      </c>
      <c r="I5" s="18"/>
      <c r="J5" s="19" t="s">
        <v>94</v>
      </c>
      <c r="K5" s="21"/>
      <c r="L5" s="21"/>
      <c r="M5" s="21"/>
      <c r="N5" s="21"/>
      <c r="O5" s="21"/>
      <c r="P5" s="21"/>
      <c r="Q5" s="21"/>
      <c r="R5" s="21"/>
      <c r="S5" s="21"/>
      <c r="T5" s="467"/>
    </row>
    <row r="6" spans="1:24" s="386" customFormat="1" ht="15" customHeight="1">
      <c r="A6" s="459"/>
      <c r="B6" s="468"/>
      <c r="C6" s="121"/>
      <c r="D6" s="122"/>
      <c r="E6" s="469"/>
      <c r="F6" s="470"/>
      <c r="G6" s="470"/>
      <c r="H6" s="277" t="s">
        <v>9</v>
      </c>
      <c r="I6" s="470"/>
      <c r="J6" s="470"/>
      <c r="K6" s="470"/>
      <c r="L6" s="470"/>
      <c r="M6" s="470"/>
      <c r="N6" s="277" t="s">
        <v>10</v>
      </c>
      <c r="O6" s="470"/>
      <c r="P6" s="470"/>
      <c r="Q6" s="470"/>
      <c r="R6" s="470"/>
      <c r="S6" s="470"/>
      <c r="T6" s="471"/>
      <c r="U6" s="276"/>
    </row>
    <row r="7" spans="1:24" s="386" customFormat="1" ht="15" customHeight="1">
      <c r="A7" s="459"/>
      <c r="B7" s="468"/>
      <c r="C7" s="121"/>
      <c r="D7" s="122"/>
      <c r="E7" s="469"/>
      <c r="F7" s="470"/>
      <c r="G7" s="470"/>
      <c r="H7" s="277" t="s">
        <v>11</v>
      </c>
      <c r="I7" s="470"/>
      <c r="J7" s="470"/>
      <c r="K7" s="470"/>
      <c r="L7" s="470"/>
      <c r="M7" s="470"/>
      <c r="N7" s="277" t="s">
        <v>95</v>
      </c>
      <c r="O7" s="470"/>
      <c r="P7" s="470"/>
      <c r="Q7" s="470"/>
      <c r="R7" s="470"/>
      <c r="S7" s="470"/>
      <c r="T7" s="471"/>
      <c r="U7" s="276"/>
    </row>
    <row r="8" spans="1:24" s="386" customFormat="1" ht="18.95" customHeight="1">
      <c r="A8" s="459"/>
      <c r="B8" s="125"/>
      <c r="C8" s="460"/>
      <c r="D8" s="126"/>
      <c r="E8" s="461"/>
      <c r="F8" s="462"/>
      <c r="G8" s="27"/>
      <c r="H8" s="27"/>
      <c r="I8" s="27"/>
      <c r="J8" s="27"/>
      <c r="K8" s="27"/>
      <c r="L8" s="27"/>
      <c r="M8" s="27"/>
      <c r="N8" s="27"/>
      <c r="O8" s="27"/>
      <c r="P8" s="27"/>
      <c r="Q8" s="462"/>
      <c r="R8" s="462"/>
      <c r="S8" s="462"/>
      <c r="T8" s="463"/>
    </row>
    <row r="9" spans="1:24" s="386" customFormat="1" ht="15" customHeight="1">
      <c r="A9" s="459"/>
      <c r="B9" s="118" t="s">
        <v>13</v>
      </c>
      <c r="C9" s="21"/>
      <c r="D9" s="115"/>
      <c r="E9" s="116" t="s">
        <v>72</v>
      </c>
      <c r="F9" s="134"/>
      <c r="G9" s="472"/>
      <c r="H9" s="473"/>
      <c r="I9" s="473"/>
      <c r="J9" s="473"/>
      <c r="K9" s="473"/>
      <c r="L9" s="35" t="s">
        <v>15</v>
      </c>
      <c r="M9" s="474"/>
      <c r="N9" s="475"/>
      <c r="O9" s="31" t="s">
        <v>73</v>
      </c>
      <c r="P9" s="32"/>
      <c r="Q9" s="476"/>
      <c r="R9" s="473"/>
      <c r="S9" s="473"/>
      <c r="T9" s="477"/>
    </row>
    <row r="10" spans="1:24" s="386" customFormat="1" ht="15" customHeight="1">
      <c r="A10" s="478"/>
      <c r="B10" s="125"/>
      <c r="C10" s="460"/>
      <c r="D10" s="126"/>
      <c r="E10" s="116" t="s">
        <v>17</v>
      </c>
      <c r="F10" s="134"/>
      <c r="G10" s="479"/>
      <c r="H10" s="480"/>
      <c r="I10" s="480"/>
      <c r="J10" s="480"/>
      <c r="K10" s="480"/>
      <c r="L10" s="480"/>
      <c r="M10" s="480"/>
      <c r="N10" s="480"/>
      <c r="O10" s="480"/>
      <c r="P10" s="480"/>
      <c r="Q10" s="480"/>
      <c r="R10" s="480"/>
      <c r="S10" s="480"/>
      <c r="T10" s="481"/>
    </row>
    <row r="11" spans="1:24" s="386" customFormat="1" ht="15" customHeight="1">
      <c r="A11" s="482" t="s">
        <v>96</v>
      </c>
      <c r="B11" s="116" t="s">
        <v>3</v>
      </c>
      <c r="C11" s="117"/>
      <c r="D11" s="134"/>
      <c r="E11" s="465"/>
      <c r="F11" s="465"/>
      <c r="G11" s="465"/>
      <c r="H11" s="465"/>
      <c r="I11" s="465"/>
      <c r="J11" s="483"/>
      <c r="K11" s="118" t="s">
        <v>19</v>
      </c>
      <c r="L11" s="21"/>
      <c r="M11" s="484"/>
      <c r="N11" s="485" t="s">
        <v>97</v>
      </c>
      <c r="O11" s="485"/>
      <c r="P11" s="486"/>
      <c r="Q11" s="487" t="s">
        <v>98</v>
      </c>
      <c r="R11" s="488"/>
      <c r="S11" s="489" t="s">
        <v>99</v>
      </c>
      <c r="T11" s="490"/>
    </row>
    <row r="12" spans="1:24" s="386" customFormat="1" ht="15" customHeight="1">
      <c r="A12" s="491"/>
      <c r="B12" s="116" t="s">
        <v>100</v>
      </c>
      <c r="C12" s="117"/>
      <c r="D12" s="134"/>
      <c r="E12" s="465"/>
      <c r="F12" s="465"/>
      <c r="G12" s="465"/>
      <c r="H12" s="465"/>
      <c r="I12" s="465"/>
      <c r="J12" s="483"/>
      <c r="K12" s="468"/>
      <c r="L12" s="121"/>
      <c r="M12" s="492"/>
      <c r="N12" s="27"/>
      <c r="O12" s="27"/>
      <c r="P12" s="27"/>
      <c r="Q12" s="27"/>
      <c r="R12" s="27"/>
      <c r="S12" s="27"/>
      <c r="T12" s="28"/>
    </row>
    <row r="13" spans="1:24" s="386" customFormat="1" ht="15" customHeight="1">
      <c r="A13" s="491"/>
      <c r="B13" s="123" t="s">
        <v>23</v>
      </c>
      <c r="C13" s="493"/>
      <c r="D13" s="124"/>
      <c r="E13" s="494"/>
      <c r="F13" s="494"/>
      <c r="G13" s="494"/>
      <c r="H13" s="494"/>
      <c r="I13" s="494"/>
      <c r="J13" s="495"/>
      <c r="K13" s="125"/>
      <c r="L13" s="460"/>
      <c r="M13" s="496"/>
      <c r="N13" s="462"/>
      <c r="O13" s="462"/>
      <c r="P13" s="462"/>
      <c r="Q13" s="462"/>
      <c r="R13" s="462"/>
      <c r="S13" s="462"/>
      <c r="T13" s="497"/>
    </row>
    <row r="14" spans="1:24" s="386" customFormat="1" ht="36.75" customHeight="1">
      <c r="A14" s="491"/>
      <c r="B14" s="498" t="s">
        <v>101</v>
      </c>
      <c r="C14" s="499"/>
      <c r="D14" s="499"/>
      <c r="E14" s="499"/>
      <c r="F14" s="499"/>
      <c r="G14" s="500"/>
      <c r="H14" s="501"/>
      <c r="I14" s="501"/>
      <c r="J14" s="501"/>
      <c r="K14" s="501"/>
      <c r="L14" s="501"/>
      <c r="M14" s="501"/>
      <c r="N14" s="501"/>
      <c r="O14" s="501"/>
      <c r="P14" s="501"/>
      <c r="Q14" s="501"/>
      <c r="R14" s="501"/>
      <c r="S14" s="501"/>
      <c r="T14" s="502"/>
      <c r="X14" s="503"/>
    </row>
    <row r="15" spans="1:24" s="386" customFormat="1" ht="47.25" customHeight="1">
      <c r="A15" s="504"/>
      <c r="B15" s="505" t="s">
        <v>102</v>
      </c>
      <c r="C15" s="505"/>
      <c r="D15" s="505"/>
      <c r="E15" s="505" t="s">
        <v>103</v>
      </c>
      <c r="F15" s="505"/>
      <c r="G15" s="506"/>
      <c r="H15" s="507"/>
      <c r="I15" s="507"/>
      <c r="J15" s="507"/>
      <c r="K15" s="507"/>
      <c r="L15" s="507"/>
      <c r="M15" s="507"/>
      <c r="N15" s="507"/>
      <c r="O15" s="507"/>
      <c r="P15" s="507"/>
      <c r="Q15" s="508"/>
      <c r="R15" s="509" t="s">
        <v>104</v>
      </c>
      <c r="S15" s="510"/>
      <c r="T15" s="511"/>
    </row>
    <row r="16" spans="1:24" s="386" customFormat="1" ht="23.25" customHeight="1">
      <c r="A16" s="504"/>
      <c r="B16" s="505"/>
      <c r="C16" s="505"/>
      <c r="D16" s="505"/>
      <c r="E16" s="512" t="s">
        <v>27</v>
      </c>
      <c r="F16" s="512"/>
      <c r="G16" s="513"/>
      <c r="H16" s="514"/>
      <c r="I16" s="514"/>
      <c r="J16" s="514"/>
      <c r="K16" s="514"/>
      <c r="L16" s="514"/>
      <c r="M16" s="514"/>
      <c r="N16" s="514"/>
      <c r="O16" s="514"/>
      <c r="P16" s="514"/>
      <c r="Q16" s="514"/>
      <c r="R16" s="514"/>
      <c r="S16" s="514"/>
      <c r="T16" s="515"/>
      <c r="U16" s="306"/>
      <c r="V16" s="306"/>
      <c r="W16" s="306"/>
    </row>
    <row r="17" spans="1:23" s="386" customFormat="1" ht="24" customHeight="1">
      <c r="A17" s="504"/>
      <c r="B17" s="505"/>
      <c r="C17" s="505"/>
      <c r="D17" s="505"/>
      <c r="E17" s="512"/>
      <c r="F17" s="512"/>
      <c r="G17" s="516"/>
      <c r="H17" s="517"/>
      <c r="I17" s="517"/>
      <c r="J17" s="517"/>
      <c r="K17" s="517"/>
      <c r="L17" s="517"/>
      <c r="M17" s="517"/>
      <c r="N17" s="517"/>
      <c r="O17" s="517"/>
      <c r="P17" s="517"/>
      <c r="Q17" s="517"/>
      <c r="R17" s="517"/>
      <c r="S17" s="517"/>
      <c r="T17" s="518"/>
    </row>
    <row r="18" spans="1:23" s="306" customFormat="1" ht="15" customHeight="1" thickBot="1">
      <c r="A18" s="519" t="s">
        <v>105</v>
      </c>
      <c r="B18" s="520"/>
      <c r="C18" s="520"/>
      <c r="D18" s="520"/>
      <c r="E18" s="520"/>
      <c r="F18" s="520"/>
      <c r="G18" s="520"/>
      <c r="H18" s="520"/>
      <c r="I18" s="520"/>
      <c r="J18" s="521"/>
      <c r="K18" s="522"/>
      <c r="L18" s="522"/>
      <c r="M18" s="522"/>
      <c r="N18" s="522"/>
      <c r="O18" s="522"/>
      <c r="P18" s="522"/>
      <c r="Q18" s="522"/>
      <c r="R18" s="522"/>
      <c r="S18" s="522"/>
      <c r="T18" s="523"/>
    </row>
    <row r="19" spans="1:23" s="386" customFormat="1" ht="15" customHeight="1">
      <c r="A19" s="524" t="s">
        <v>106</v>
      </c>
      <c r="B19" s="525"/>
      <c r="C19" s="525"/>
      <c r="D19" s="525"/>
      <c r="E19" s="525"/>
      <c r="F19" s="525"/>
      <c r="G19" s="525"/>
      <c r="H19" s="525"/>
      <c r="I19" s="525"/>
      <c r="J19" s="525"/>
      <c r="K19" s="525"/>
      <c r="L19" s="525"/>
      <c r="M19" s="525"/>
      <c r="N19" s="525"/>
      <c r="O19" s="525"/>
      <c r="P19" s="525"/>
      <c r="Q19" s="525"/>
      <c r="R19" s="525"/>
      <c r="S19" s="525"/>
      <c r="T19" s="526"/>
    </row>
    <row r="20" spans="1:23" s="306" customFormat="1" ht="15" customHeight="1" thickBot="1">
      <c r="A20" s="519" t="s">
        <v>107</v>
      </c>
      <c r="B20" s="520"/>
      <c r="C20" s="520"/>
      <c r="D20" s="520"/>
      <c r="E20" s="520"/>
      <c r="F20" s="520"/>
      <c r="G20" s="520"/>
      <c r="H20" s="521"/>
      <c r="I20" s="366"/>
      <c r="J20" s="520"/>
      <c r="K20" s="527" t="s">
        <v>108</v>
      </c>
      <c r="L20" s="158" t="s">
        <v>109</v>
      </c>
      <c r="M20" s="528"/>
      <c r="N20" s="528"/>
      <c r="O20" s="528"/>
      <c r="P20" s="528"/>
      <c r="Q20" s="159"/>
      <c r="R20" s="158"/>
      <c r="S20" s="528"/>
      <c r="T20" s="529" t="s">
        <v>110</v>
      </c>
      <c r="U20" s="386"/>
      <c r="V20" s="386"/>
      <c r="W20" s="386"/>
    </row>
    <row r="21" spans="1:23" s="386" customFormat="1" ht="15" customHeight="1">
      <c r="A21" s="530" t="s">
        <v>111</v>
      </c>
      <c r="B21" s="531" t="s">
        <v>112</v>
      </c>
      <c r="C21" s="531"/>
      <c r="D21" s="531"/>
      <c r="E21" s="531"/>
      <c r="F21" s="531"/>
      <c r="G21" s="531"/>
      <c r="H21" s="531"/>
      <c r="I21" s="531"/>
      <c r="J21" s="531"/>
      <c r="K21" s="531"/>
      <c r="L21" s="531"/>
      <c r="M21" s="531"/>
      <c r="N21" s="531"/>
      <c r="O21" s="531"/>
      <c r="P21" s="531"/>
      <c r="Q21" s="531"/>
      <c r="R21" s="531"/>
      <c r="S21" s="531"/>
      <c r="T21" s="532"/>
    </row>
    <row r="22" spans="1:23" s="386" customFormat="1" ht="15" customHeight="1">
      <c r="A22" s="533"/>
      <c r="B22" s="534" t="s">
        <v>33</v>
      </c>
      <c r="C22" s="21"/>
      <c r="D22" s="115"/>
      <c r="E22" s="118" t="s">
        <v>113</v>
      </c>
      <c r="F22" s="21"/>
      <c r="G22" s="21"/>
      <c r="H22" s="484"/>
      <c r="I22" s="534" t="s">
        <v>114</v>
      </c>
      <c r="J22" s="21"/>
      <c r="K22" s="21"/>
      <c r="L22" s="115"/>
      <c r="M22" s="116" t="s">
        <v>115</v>
      </c>
      <c r="N22" s="117"/>
      <c r="O22" s="117"/>
      <c r="P22" s="134"/>
      <c r="Q22" s="116" t="s">
        <v>116</v>
      </c>
      <c r="R22" s="117"/>
      <c r="S22" s="117"/>
      <c r="T22" s="535"/>
    </row>
    <row r="23" spans="1:23" s="386" customFormat="1" ht="15" customHeight="1">
      <c r="A23" s="533"/>
      <c r="B23" s="536"/>
      <c r="C23" s="121"/>
      <c r="D23" s="122"/>
      <c r="E23" s="116" t="s">
        <v>41</v>
      </c>
      <c r="F23" s="134"/>
      <c r="G23" s="116" t="s">
        <v>42</v>
      </c>
      <c r="H23" s="134"/>
      <c r="I23" s="116" t="s">
        <v>41</v>
      </c>
      <c r="J23" s="134"/>
      <c r="K23" s="116" t="s">
        <v>42</v>
      </c>
      <c r="L23" s="134"/>
      <c r="M23" s="116" t="s">
        <v>41</v>
      </c>
      <c r="N23" s="134"/>
      <c r="O23" s="116" t="s">
        <v>42</v>
      </c>
      <c r="P23" s="134"/>
      <c r="Q23" s="117" t="s">
        <v>41</v>
      </c>
      <c r="R23" s="134"/>
      <c r="S23" s="116" t="s">
        <v>42</v>
      </c>
      <c r="T23" s="535"/>
    </row>
    <row r="24" spans="1:23" s="386" customFormat="1" ht="15" customHeight="1">
      <c r="A24" s="533"/>
      <c r="B24" s="537"/>
      <c r="C24" s="116" t="s">
        <v>117</v>
      </c>
      <c r="D24" s="134"/>
      <c r="E24" s="116"/>
      <c r="F24" s="134"/>
      <c r="G24" s="116"/>
      <c r="H24" s="134"/>
      <c r="I24" s="116"/>
      <c r="J24" s="134"/>
      <c r="K24" s="116"/>
      <c r="L24" s="134"/>
      <c r="M24" s="116"/>
      <c r="N24" s="134"/>
      <c r="O24" s="116"/>
      <c r="P24" s="134"/>
      <c r="Q24" s="117"/>
      <c r="R24" s="134"/>
      <c r="S24" s="116"/>
      <c r="T24" s="535"/>
    </row>
    <row r="25" spans="1:23" s="386" customFormat="1" ht="15" customHeight="1">
      <c r="A25" s="533"/>
      <c r="B25" s="538"/>
      <c r="C25" s="116" t="s">
        <v>118</v>
      </c>
      <c r="D25" s="134"/>
      <c r="E25" s="116"/>
      <c r="F25" s="134"/>
      <c r="G25" s="116"/>
      <c r="H25" s="134"/>
      <c r="I25" s="116"/>
      <c r="J25" s="134"/>
      <c r="K25" s="116"/>
      <c r="L25" s="134"/>
      <c r="M25" s="116"/>
      <c r="N25" s="134"/>
      <c r="O25" s="116"/>
      <c r="P25" s="134"/>
      <c r="Q25" s="117"/>
      <c r="R25" s="134"/>
      <c r="S25" s="116"/>
      <c r="T25" s="535"/>
    </row>
    <row r="26" spans="1:23" s="386" customFormat="1" ht="15" customHeight="1">
      <c r="A26" s="533"/>
      <c r="B26" s="539" t="s">
        <v>106</v>
      </c>
      <c r="C26" s="112"/>
      <c r="D26" s="112"/>
      <c r="E26" s="112"/>
      <c r="F26" s="112"/>
      <c r="G26" s="112"/>
      <c r="H26" s="112"/>
      <c r="I26" s="112"/>
      <c r="J26" s="112"/>
      <c r="K26" s="112"/>
      <c r="L26" s="112"/>
      <c r="M26" s="112"/>
      <c r="N26" s="112"/>
      <c r="O26" s="112"/>
      <c r="P26" s="112"/>
      <c r="Q26" s="112"/>
      <c r="R26" s="112"/>
      <c r="S26" s="112"/>
      <c r="T26" s="113"/>
    </row>
    <row r="27" spans="1:23" s="386" customFormat="1" ht="16.350000000000001" customHeight="1">
      <c r="A27" s="533"/>
      <c r="B27" s="534" t="s">
        <v>119</v>
      </c>
      <c r="C27" s="21"/>
      <c r="D27" s="115"/>
      <c r="E27" s="540" t="s">
        <v>120</v>
      </c>
      <c r="F27" s="541"/>
      <c r="G27" s="542" t="s">
        <v>121</v>
      </c>
      <c r="H27" s="541"/>
      <c r="I27" s="542" t="s">
        <v>122</v>
      </c>
      <c r="J27" s="541"/>
      <c r="K27" s="542" t="s">
        <v>123</v>
      </c>
      <c r="L27" s="541"/>
      <c r="M27" s="542" t="s">
        <v>124</v>
      </c>
      <c r="N27" s="541"/>
      <c r="O27" s="542" t="s">
        <v>125</v>
      </c>
      <c r="P27" s="541"/>
      <c r="Q27" s="542" t="s">
        <v>126</v>
      </c>
      <c r="R27" s="541"/>
      <c r="S27" s="542" t="s">
        <v>127</v>
      </c>
      <c r="T27" s="543"/>
    </row>
    <row r="28" spans="1:23" s="386" customFormat="1" ht="15.6" customHeight="1">
      <c r="A28" s="533"/>
      <c r="B28" s="536"/>
      <c r="C28" s="121"/>
      <c r="D28" s="122"/>
      <c r="E28" s="544"/>
      <c r="F28" s="545"/>
      <c r="G28" s="544"/>
      <c r="H28" s="545"/>
      <c r="I28" s="544"/>
      <c r="J28" s="545"/>
      <c r="K28" s="544"/>
      <c r="L28" s="545"/>
      <c r="M28" s="544"/>
      <c r="N28" s="545"/>
      <c r="O28" s="544"/>
      <c r="P28" s="545"/>
      <c r="Q28" s="544"/>
      <c r="R28" s="545"/>
      <c r="S28" s="546"/>
      <c r="T28" s="547"/>
    </row>
    <row r="29" spans="1:23" s="386" customFormat="1" ht="15.6" customHeight="1">
      <c r="A29" s="533"/>
      <c r="B29" s="548"/>
      <c r="C29" s="549"/>
      <c r="D29" s="550"/>
      <c r="E29" s="551" t="s">
        <v>128</v>
      </c>
      <c r="F29" s="552"/>
      <c r="G29" s="552"/>
      <c r="H29" s="553"/>
      <c r="I29" s="554"/>
      <c r="J29" s="555"/>
      <c r="K29" s="555"/>
      <c r="L29" s="555"/>
      <c r="M29" s="555"/>
      <c r="N29" s="555"/>
      <c r="O29" s="555"/>
      <c r="P29" s="555"/>
      <c r="Q29" s="555"/>
      <c r="R29" s="555"/>
      <c r="S29" s="555"/>
      <c r="T29" s="556"/>
    </row>
    <row r="30" spans="1:23" s="386" customFormat="1" ht="15.95" customHeight="1">
      <c r="A30" s="533"/>
      <c r="B30" s="557" t="s">
        <v>129</v>
      </c>
      <c r="C30" s="558"/>
      <c r="D30" s="558"/>
      <c r="E30" s="559"/>
      <c r="F30" s="559"/>
      <c r="G30" s="559"/>
      <c r="H30" s="560"/>
      <c r="I30" s="561"/>
      <c r="J30" s="474"/>
      <c r="K30" s="562" t="s">
        <v>130</v>
      </c>
      <c r="L30" s="474"/>
      <c r="M30" s="474"/>
      <c r="N30" s="563" t="s">
        <v>131</v>
      </c>
      <c r="O30" s="474"/>
      <c r="P30" s="474"/>
      <c r="Q30" s="562" t="s">
        <v>130</v>
      </c>
      <c r="R30" s="34"/>
      <c r="S30" s="34"/>
      <c r="T30" s="38"/>
    </row>
    <row r="31" spans="1:23" s="386" customFormat="1" ht="15.95" customHeight="1">
      <c r="A31" s="533"/>
      <c r="B31" s="564"/>
      <c r="C31" s="164"/>
      <c r="D31" s="164"/>
      <c r="E31" s="565" t="s">
        <v>132</v>
      </c>
      <c r="F31" s="566"/>
      <c r="G31" s="31" t="s">
        <v>133</v>
      </c>
      <c r="H31" s="32"/>
      <c r="I31" s="561"/>
      <c r="J31" s="474"/>
      <c r="K31" s="562" t="s">
        <v>130</v>
      </c>
      <c r="L31" s="474"/>
      <c r="M31" s="474"/>
      <c r="N31" s="563" t="s">
        <v>131</v>
      </c>
      <c r="O31" s="474"/>
      <c r="P31" s="474"/>
      <c r="Q31" s="562" t="s">
        <v>130</v>
      </c>
      <c r="R31" s="34"/>
      <c r="S31" s="34"/>
      <c r="T31" s="38"/>
    </row>
    <row r="32" spans="1:23" s="386" customFormat="1" ht="15.95" customHeight="1">
      <c r="A32" s="533"/>
      <c r="B32" s="564"/>
      <c r="C32" s="164"/>
      <c r="D32" s="164"/>
      <c r="E32" s="536"/>
      <c r="F32" s="492"/>
      <c r="G32" s="31" t="s">
        <v>134</v>
      </c>
      <c r="H32" s="32"/>
      <c r="I32" s="561"/>
      <c r="J32" s="474"/>
      <c r="K32" s="562" t="s">
        <v>130</v>
      </c>
      <c r="L32" s="474"/>
      <c r="M32" s="474"/>
      <c r="N32" s="563" t="s">
        <v>131</v>
      </c>
      <c r="O32" s="474"/>
      <c r="P32" s="474"/>
      <c r="Q32" s="562" t="s">
        <v>130</v>
      </c>
      <c r="R32" s="34"/>
      <c r="S32" s="34"/>
      <c r="T32" s="38"/>
    </row>
    <row r="33" spans="1:20" s="386" customFormat="1" ht="15.95" customHeight="1">
      <c r="A33" s="533"/>
      <c r="B33" s="567"/>
      <c r="C33" s="568"/>
      <c r="D33" s="568"/>
      <c r="E33" s="548"/>
      <c r="F33" s="569"/>
      <c r="G33" s="31" t="s">
        <v>135</v>
      </c>
      <c r="H33" s="32"/>
      <c r="I33" s="561"/>
      <c r="J33" s="474"/>
      <c r="K33" s="562" t="s">
        <v>130</v>
      </c>
      <c r="L33" s="474"/>
      <c r="M33" s="474"/>
      <c r="N33" s="563" t="s">
        <v>131</v>
      </c>
      <c r="O33" s="474"/>
      <c r="P33" s="474"/>
      <c r="Q33" s="562" t="s">
        <v>130</v>
      </c>
      <c r="R33" s="34"/>
      <c r="S33" s="34"/>
      <c r="T33" s="38"/>
    </row>
    <row r="34" spans="1:20" s="386" customFormat="1" ht="16.350000000000001" customHeight="1">
      <c r="A34" s="533"/>
      <c r="B34" s="570" t="s">
        <v>136</v>
      </c>
      <c r="C34" s="571"/>
      <c r="D34" s="571"/>
      <c r="E34" s="571"/>
      <c r="F34" s="571"/>
      <c r="G34" s="571"/>
      <c r="H34" s="572"/>
      <c r="I34" s="561"/>
      <c r="J34" s="474"/>
      <c r="K34" s="573" t="s">
        <v>130</v>
      </c>
      <c r="L34" s="474"/>
      <c r="M34" s="474"/>
      <c r="N34" s="574" t="s">
        <v>131</v>
      </c>
      <c r="O34" s="474"/>
      <c r="P34" s="474"/>
      <c r="Q34" s="573" t="s">
        <v>130</v>
      </c>
      <c r="R34" s="34"/>
      <c r="S34" s="34"/>
      <c r="T34" s="38"/>
    </row>
    <row r="35" spans="1:20" s="386" customFormat="1" ht="16.350000000000001" customHeight="1" thickBot="1">
      <c r="A35" s="575"/>
      <c r="B35" s="158" t="s">
        <v>137</v>
      </c>
      <c r="C35" s="528"/>
      <c r="D35" s="528"/>
      <c r="E35" s="528"/>
      <c r="F35" s="528"/>
      <c r="G35" s="528"/>
      <c r="H35" s="159"/>
      <c r="I35" s="576"/>
      <c r="J35" s="577"/>
      <c r="K35" s="577"/>
      <c r="L35" s="578" t="s">
        <v>138</v>
      </c>
      <c r="M35" s="579"/>
      <c r="N35" s="580"/>
      <c r="O35" s="528"/>
      <c r="P35" s="528"/>
      <c r="Q35" s="581"/>
      <c r="R35" s="582"/>
      <c r="S35" s="582"/>
      <c r="T35" s="583"/>
    </row>
    <row r="36" spans="1:20" s="386" customFormat="1" ht="15" customHeight="1">
      <c r="A36" s="530" t="s">
        <v>139</v>
      </c>
      <c r="B36" s="584" t="s">
        <v>112</v>
      </c>
      <c r="C36" s="531"/>
      <c r="D36" s="531"/>
      <c r="E36" s="531"/>
      <c r="F36" s="531"/>
      <c r="G36" s="531"/>
      <c r="H36" s="531"/>
      <c r="I36" s="531"/>
      <c r="J36" s="531"/>
      <c r="K36" s="531"/>
      <c r="L36" s="531"/>
      <c r="M36" s="531"/>
      <c r="N36" s="531"/>
      <c r="O36" s="531"/>
      <c r="P36" s="531"/>
      <c r="Q36" s="531"/>
      <c r="R36" s="531"/>
      <c r="S36" s="531"/>
      <c r="T36" s="532"/>
    </row>
    <row r="37" spans="1:20" s="386" customFormat="1" ht="15" customHeight="1">
      <c r="A37" s="533"/>
      <c r="B37" s="534" t="s">
        <v>33</v>
      </c>
      <c r="C37" s="21"/>
      <c r="D37" s="115"/>
      <c r="E37" s="118" t="s">
        <v>113</v>
      </c>
      <c r="F37" s="21"/>
      <c r="G37" s="21"/>
      <c r="H37" s="484"/>
      <c r="I37" s="534" t="s">
        <v>114</v>
      </c>
      <c r="J37" s="21"/>
      <c r="K37" s="21"/>
      <c r="L37" s="115"/>
      <c r="M37" s="116" t="s">
        <v>115</v>
      </c>
      <c r="N37" s="117"/>
      <c r="O37" s="117"/>
      <c r="P37" s="134"/>
      <c r="Q37" s="116" t="s">
        <v>116</v>
      </c>
      <c r="R37" s="117"/>
      <c r="S37" s="117"/>
      <c r="T37" s="535"/>
    </row>
    <row r="38" spans="1:20" s="386" customFormat="1" ht="15" customHeight="1">
      <c r="A38" s="533"/>
      <c r="B38" s="536"/>
      <c r="C38" s="121"/>
      <c r="D38" s="122"/>
      <c r="E38" s="116" t="s">
        <v>41</v>
      </c>
      <c r="F38" s="134"/>
      <c r="G38" s="116" t="s">
        <v>42</v>
      </c>
      <c r="H38" s="134"/>
      <c r="I38" s="116" t="s">
        <v>41</v>
      </c>
      <c r="J38" s="134"/>
      <c r="K38" s="116" t="s">
        <v>42</v>
      </c>
      <c r="L38" s="134"/>
      <c r="M38" s="116" t="s">
        <v>41</v>
      </c>
      <c r="N38" s="134"/>
      <c r="O38" s="116" t="s">
        <v>42</v>
      </c>
      <c r="P38" s="134"/>
      <c r="Q38" s="117" t="s">
        <v>41</v>
      </c>
      <c r="R38" s="134"/>
      <c r="S38" s="116" t="s">
        <v>42</v>
      </c>
      <c r="T38" s="535"/>
    </row>
    <row r="39" spans="1:20" s="386" customFormat="1" ht="15" customHeight="1">
      <c r="A39" s="533"/>
      <c r="B39" s="537"/>
      <c r="C39" s="116" t="s">
        <v>117</v>
      </c>
      <c r="D39" s="134"/>
      <c r="E39" s="116"/>
      <c r="F39" s="134"/>
      <c r="G39" s="116"/>
      <c r="H39" s="134"/>
      <c r="I39" s="116"/>
      <c r="J39" s="134"/>
      <c r="K39" s="116"/>
      <c r="L39" s="134"/>
      <c r="M39" s="116"/>
      <c r="N39" s="134"/>
      <c r="O39" s="116"/>
      <c r="P39" s="134"/>
      <c r="Q39" s="117"/>
      <c r="R39" s="134"/>
      <c r="S39" s="116"/>
      <c r="T39" s="535"/>
    </row>
    <row r="40" spans="1:20" s="386" customFormat="1" ht="15" customHeight="1">
      <c r="A40" s="533"/>
      <c r="B40" s="538"/>
      <c r="C40" s="116" t="s">
        <v>118</v>
      </c>
      <c r="D40" s="134"/>
      <c r="E40" s="116"/>
      <c r="F40" s="134"/>
      <c r="G40" s="116"/>
      <c r="H40" s="134"/>
      <c r="I40" s="116"/>
      <c r="J40" s="134"/>
      <c r="K40" s="116"/>
      <c r="L40" s="134"/>
      <c r="M40" s="116"/>
      <c r="N40" s="134"/>
      <c r="O40" s="116"/>
      <c r="P40" s="134"/>
      <c r="Q40" s="117"/>
      <c r="R40" s="134"/>
      <c r="S40" s="116"/>
      <c r="T40" s="535"/>
    </row>
    <row r="41" spans="1:20" s="386" customFormat="1" ht="15" customHeight="1">
      <c r="A41" s="533"/>
      <c r="B41" s="539" t="s">
        <v>106</v>
      </c>
      <c r="C41" s="112"/>
      <c r="D41" s="112"/>
      <c r="E41" s="112"/>
      <c r="F41" s="112"/>
      <c r="G41" s="112"/>
      <c r="H41" s="112"/>
      <c r="I41" s="112"/>
      <c r="J41" s="112"/>
      <c r="K41" s="112"/>
      <c r="L41" s="112"/>
      <c r="M41" s="112"/>
      <c r="N41" s="112"/>
      <c r="O41" s="112"/>
      <c r="P41" s="112"/>
      <c r="Q41" s="112"/>
      <c r="R41" s="112"/>
      <c r="S41" s="112"/>
      <c r="T41" s="113"/>
    </row>
    <row r="42" spans="1:20" s="386" customFormat="1" ht="16.350000000000001" customHeight="1">
      <c r="A42" s="533"/>
      <c r="B42" s="534" t="s">
        <v>119</v>
      </c>
      <c r="C42" s="21"/>
      <c r="D42" s="115"/>
      <c r="E42" s="540" t="s">
        <v>120</v>
      </c>
      <c r="F42" s="541"/>
      <c r="G42" s="542" t="s">
        <v>121</v>
      </c>
      <c r="H42" s="541"/>
      <c r="I42" s="542" t="s">
        <v>122</v>
      </c>
      <c r="J42" s="541"/>
      <c r="K42" s="542" t="s">
        <v>123</v>
      </c>
      <c r="L42" s="541"/>
      <c r="M42" s="542" t="s">
        <v>124</v>
      </c>
      <c r="N42" s="541"/>
      <c r="O42" s="542" t="s">
        <v>125</v>
      </c>
      <c r="P42" s="541"/>
      <c r="Q42" s="542" t="s">
        <v>126</v>
      </c>
      <c r="R42" s="541"/>
      <c r="S42" s="542" t="s">
        <v>127</v>
      </c>
      <c r="T42" s="543"/>
    </row>
    <row r="43" spans="1:20" s="386" customFormat="1" ht="15.6" customHeight="1">
      <c r="A43" s="533"/>
      <c r="B43" s="536"/>
      <c r="C43" s="121"/>
      <c r="D43" s="122"/>
      <c r="E43" s="544"/>
      <c r="F43" s="545"/>
      <c r="G43" s="544"/>
      <c r="H43" s="545"/>
      <c r="I43" s="544"/>
      <c r="J43" s="545"/>
      <c r="K43" s="544"/>
      <c r="L43" s="545"/>
      <c r="M43" s="544"/>
      <c r="N43" s="545"/>
      <c r="O43" s="544"/>
      <c r="P43" s="545"/>
      <c r="Q43" s="544"/>
      <c r="R43" s="545"/>
      <c r="S43" s="546"/>
      <c r="T43" s="547"/>
    </row>
    <row r="44" spans="1:20" s="386" customFormat="1" ht="15.6" customHeight="1">
      <c r="A44" s="533"/>
      <c r="B44" s="548"/>
      <c r="C44" s="549"/>
      <c r="D44" s="550"/>
      <c r="E44" s="551" t="s">
        <v>128</v>
      </c>
      <c r="F44" s="552"/>
      <c r="G44" s="552"/>
      <c r="H44" s="553"/>
      <c r="I44" s="554"/>
      <c r="J44" s="555"/>
      <c r="K44" s="555"/>
      <c r="L44" s="555"/>
      <c r="M44" s="555"/>
      <c r="N44" s="555"/>
      <c r="O44" s="555"/>
      <c r="P44" s="555"/>
      <c r="Q44" s="555"/>
      <c r="R44" s="555"/>
      <c r="S44" s="555"/>
      <c r="T44" s="556"/>
    </row>
    <row r="45" spans="1:20" s="386" customFormat="1" ht="15.95" customHeight="1">
      <c r="A45" s="533"/>
      <c r="B45" s="557" t="s">
        <v>129</v>
      </c>
      <c r="C45" s="558"/>
      <c r="D45" s="558"/>
      <c r="E45" s="559"/>
      <c r="F45" s="559"/>
      <c r="G45" s="559"/>
      <c r="H45" s="560"/>
      <c r="I45" s="561"/>
      <c r="J45" s="474"/>
      <c r="K45" s="562" t="s">
        <v>130</v>
      </c>
      <c r="L45" s="474"/>
      <c r="M45" s="474"/>
      <c r="N45" s="563" t="s">
        <v>131</v>
      </c>
      <c r="O45" s="474"/>
      <c r="P45" s="474"/>
      <c r="Q45" s="562" t="s">
        <v>130</v>
      </c>
      <c r="R45" s="34"/>
      <c r="S45" s="34"/>
      <c r="T45" s="38"/>
    </row>
    <row r="46" spans="1:20" s="386" customFormat="1" ht="15.95" customHeight="1">
      <c r="A46" s="533"/>
      <c r="B46" s="564"/>
      <c r="C46" s="164"/>
      <c r="D46" s="164"/>
      <c r="E46" s="565" t="s">
        <v>132</v>
      </c>
      <c r="F46" s="566"/>
      <c r="G46" s="31" t="s">
        <v>133</v>
      </c>
      <c r="H46" s="32"/>
      <c r="I46" s="561"/>
      <c r="J46" s="474"/>
      <c r="K46" s="562" t="s">
        <v>130</v>
      </c>
      <c r="L46" s="474"/>
      <c r="M46" s="474"/>
      <c r="N46" s="563" t="s">
        <v>131</v>
      </c>
      <c r="O46" s="474"/>
      <c r="P46" s="474"/>
      <c r="Q46" s="562" t="s">
        <v>130</v>
      </c>
      <c r="R46" s="34"/>
      <c r="S46" s="34"/>
      <c r="T46" s="38"/>
    </row>
    <row r="47" spans="1:20" s="386" customFormat="1" ht="15.95" customHeight="1">
      <c r="A47" s="533"/>
      <c r="B47" s="564"/>
      <c r="C47" s="164"/>
      <c r="D47" s="164"/>
      <c r="E47" s="536"/>
      <c r="F47" s="492"/>
      <c r="G47" s="31" t="s">
        <v>134</v>
      </c>
      <c r="H47" s="32"/>
      <c r="I47" s="561"/>
      <c r="J47" s="474"/>
      <c r="K47" s="562" t="s">
        <v>130</v>
      </c>
      <c r="L47" s="474"/>
      <c r="M47" s="474"/>
      <c r="N47" s="563" t="s">
        <v>131</v>
      </c>
      <c r="O47" s="474"/>
      <c r="P47" s="474"/>
      <c r="Q47" s="562" t="s">
        <v>130</v>
      </c>
      <c r="R47" s="34"/>
      <c r="S47" s="34"/>
      <c r="T47" s="38"/>
    </row>
    <row r="48" spans="1:20" s="386" customFormat="1" ht="15.95" customHeight="1">
      <c r="A48" s="533"/>
      <c r="B48" s="567"/>
      <c r="C48" s="568"/>
      <c r="D48" s="568"/>
      <c r="E48" s="548"/>
      <c r="F48" s="569"/>
      <c r="G48" s="31" t="s">
        <v>135</v>
      </c>
      <c r="H48" s="32"/>
      <c r="I48" s="561"/>
      <c r="J48" s="474"/>
      <c r="K48" s="562" t="s">
        <v>130</v>
      </c>
      <c r="L48" s="474"/>
      <c r="M48" s="474"/>
      <c r="N48" s="563" t="s">
        <v>131</v>
      </c>
      <c r="O48" s="474"/>
      <c r="P48" s="474"/>
      <c r="Q48" s="562" t="s">
        <v>130</v>
      </c>
      <c r="R48" s="34"/>
      <c r="S48" s="34"/>
      <c r="T48" s="38"/>
    </row>
    <row r="49" spans="1:20" s="386" customFormat="1" ht="16.350000000000001" customHeight="1">
      <c r="A49" s="533"/>
      <c r="B49" s="570" t="s">
        <v>136</v>
      </c>
      <c r="C49" s="571"/>
      <c r="D49" s="571"/>
      <c r="E49" s="571"/>
      <c r="F49" s="571"/>
      <c r="G49" s="571"/>
      <c r="H49" s="572"/>
      <c r="I49" s="561"/>
      <c r="J49" s="474"/>
      <c r="K49" s="573" t="s">
        <v>130</v>
      </c>
      <c r="L49" s="474"/>
      <c r="M49" s="474"/>
      <c r="N49" s="574" t="s">
        <v>131</v>
      </c>
      <c r="O49" s="474"/>
      <c r="P49" s="474"/>
      <c r="Q49" s="573" t="s">
        <v>130</v>
      </c>
      <c r="R49" s="34"/>
      <c r="S49" s="34"/>
      <c r="T49" s="38"/>
    </row>
    <row r="50" spans="1:20" s="386" customFormat="1" ht="16.350000000000001" customHeight="1" thickBot="1">
      <c r="A50" s="533"/>
      <c r="B50" s="158" t="s">
        <v>137</v>
      </c>
      <c r="C50" s="528"/>
      <c r="D50" s="528"/>
      <c r="E50" s="528"/>
      <c r="F50" s="528"/>
      <c r="G50" s="528"/>
      <c r="H50" s="159"/>
      <c r="I50" s="576"/>
      <c r="J50" s="577"/>
      <c r="K50" s="577"/>
      <c r="L50" s="578" t="s">
        <v>138</v>
      </c>
      <c r="M50" s="580"/>
      <c r="N50" s="580"/>
      <c r="O50" s="528"/>
      <c r="P50" s="528"/>
      <c r="Q50" s="581"/>
      <c r="R50" s="582"/>
      <c r="S50" s="582"/>
      <c r="T50" s="583"/>
    </row>
    <row r="51" spans="1:20" s="386" customFormat="1" ht="15" customHeight="1">
      <c r="A51" s="530" t="s">
        <v>140</v>
      </c>
      <c r="B51" s="531" t="s">
        <v>112</v>
      </c>
      <c r="C51" s="531"/>
      <c r="D51" s="531"/>
      <c r="E51" s="531"/>
      <c r="F51" s="531"/>
      <c r="G51" s="531"/>
      <c r="H51" s="531"/>
      <c r="I51" s="531"/>
      <c r="J51" s="531"/>
      <c r="K51" s="531"/>
      <c r="L51" s="531"/>
      <c r="M51" s="531"/>
      <c r="N51" s="531"/>
      <c r="O51" s="531"/>
      <c r="P51" s="531"/>
      <c r="Q51" s="531"/>
      <c r="R51" s="531"/>
      <c r="S51" s="531"/>
      <c r="T51" s="532"/>
    </row>
    <row r="52" spans="1:20" s="386" customFormat="1" ht="15" customHeight="1">
      <c r="A52" s="533"/>
      <c r="B52" s="534" t="s">
        <v>33</v>
      </c>
      <c r="C52" s="21"/>
      <c r="D52" s="115"/>
      <c r="E52" s="118" t="s">
        <v>113</v>
      </c>
      <c r="F52" s="21"/>
      <c r="G52" s="21"/>
      <c r="H52" s="484"/>
      <c r="I52" s="534" t="s">
        <v>114</v>
      </c>
      <c r="J52" s="21"/>
      <c r="K52" s="21"/>
      <c r="L52" s="115"/>
      <c r="M52" s="116" t="s">
        <v>115</v>
      </c>
      <c r="N52" s="117"/>
      <c r="O52" s="117"/>
      <c r="P52" s="134"/>
      <c r="Q52" s="116" t="s">
        <v>116</v>
      </c>
      <c r="R52" s="117"/>
      <c r="S52" s="117"/>
      <c r="T52" s="535"/>
    </row>
    <row r="53" spans="1:20" s="386" customFormat="1" ht="15" customHeight="1">
      <c r="A53" s="533"/>
      <c r="B53" s="536"/>
      <c r="C53" s="121"/>
      <c r="D53" s="122"/>
      <c r="E53" s="116" t="s">
        <v>41</v>
      </c>
      <c r="F53" s="134"/>
      <c r="G53" s="116" t="s">
        <v>42</v>
      </c>
      <c r="H53" s="134"/>
      <c r="I53" s="116" t="s">
        <v>41</v>
      </c>
      <c r="J53" s="134"/>
      <c r="K53" s="116" t="s">
        <v>42</v>
      </c>
      <c r="L53" s="134"/>
      <c r="M53" s="116" t="s">
        <v>41</v>
      </c>
      <c r="N53" s="134"/>
      <c r="O53" s="116" t="s">
        <v>42</v>
      </c>
      <c r="P53" s="134"/>
      <c r="Q53" s="117" t="s">
        <v>41</v>
      </c>
      <c r="R53" s="134"/>
      <c r="S53" s="116" t="s">
        <v>42</v>
      </c>
      <c r="T53" s="535"/>
    </row>
    <row r="54" spans="1:20" s="386" customFormat="1" ht="15" customHeight="1">
      <c r="A54" s="533"/>
      <c r="B54" s="537"/>
      <c r="C54" s="116" t="s">
        <v>117</v>
      </c>
      <c r="D54" s="134"/>
      <c r="E54" s="116"/>
      <c r="F54" s="134"/>
      <c r="G54" s="116"/>
      <c r="H54" s="134"/>
      <c r="I54" s="116"/>
      <c r="J54" s="134"/>
      <c r="K54" s="116"/>
      <c r="L54" s="134"/>
      <c r="M54" s="116"/>
      <c r="N54" s="134"/>
      <c r="O54" s="116"/>
      <c r="P54" s="134"/>
      <c r="Q54" s="117"/>
      <c r="R54" s="134"/>
      <c r="S54" s="116"/>
      <c r="T54" s="535"/>
    </row>
    <row r="55" spans="1:20" s="386" customFormat="1" ht="15" customHeight="1">
      <c r="A55" s="533"/>
      <c r="B55" s="538"/>
      <c r="C55" s="116" t="s">
        <v>118</v>
      </c>
      <c r="D55" s="134"/>
      <c r="E55" s="116"/>
      <c r="F55" s="134"/>
      <c r="G55" s="116"/>
      <c r="H55" s="134"/>
      <c r="I55" s="116"/>
      <c r="J55" s="134"/>
      <c r="K55" s="116"/>
      <c r="L55" s="134"/>
      <c r="M55" s="116"/>
      <c r="N55" s="134"/>
      <c r="O55" s="116"/>
      <c r="P55" s="134"/>
      <c r="Q55" s="117"/>
      <c r="R55" s="134"/>
      <c r="S55" s="116"/>
      <c r="T55" s="535"/>
    </row>
    <row r="56" spans="1:20" s="386" customFormat="1" ht="15" customHeight="1">
      <c r="A56" s="533"/>
      <c r="B56" s="112" t="s">
        <v>106</v>
      </c>
      <c r="C56" s="112"/>
      <c r="D56" s="112"/>
      <c r="E56" s="112"/>
      <c r="F56" s="112"/>
      <c r="G56" s="112"/>
      <c r="H56" s="112"/>
      <c r="I56" s="112"/>
      <c r="J56" s="112"/>
      <c r="K56" s="112"/>
      <c r="L56" s="112"/>
      <c r="M56" s="112"/>
      <c r="N56" s="112"/>
      <c r="O56" s="112"/>
      <c r="P56" s="112"/>
      <c r="Q56" s="112"/>
      <c r="R56" s="112"/>
      <c r="S56" s="112"/>
      <c r="T56" s="113"/>
    </row>
    <row r="57" spans="1:20" s="386" customFormat="1" ht="16.350000000000001" customHeight="1">
      <c r="A57" s="533"/>
      <c r="B57" s="534" t="s">
        <v>119</v>
      </c>
      <c r="C57" s="21"/>
      <c r="D57" s="115"/>
      <c r="E57" s="540" t="s">
        <v>120</v>
      </c>
      <c r="F57" s="541"/>
      <c r="G57" s="542" t="s">
        <v>121</v>
      </c>
      <c r="H57" s="541"/>
      <c r="I57" s="542" t="s">
        <v>122</v>
      </c>
      <c r="J57" s="541"/>
      <c r="K57" s="542" t="s">
        <v>123</v>
      </c>
      <c r="L57" s="541"/>
      <c r="M57" s="542" t="s">
        <v>124</v>
      </c>
      <c r="N57" s="541"/>
      <c r="O57" s="542" t="s">
        <v>125</v>
      </c>
      <c r="P57" s="541"/>
      <c r="Q57" s="542" t="s">
        <v>126</v>
      </c>
      <c r="R57" s="541"/>
      <c r="S57" s="542" t="s">
        <v>127</v>
      </c>
      <c r="T57" s="543"/>
    </row>
    <row r="58" spans="1:20" s="386" customFormat="1" ht="15.6" customHeight="1">
      <c r="A58" s="533"/>
      <c r="B58" s="536"/>
      <c r="C58" s="121"/>
      <c r="D58" s="122"/>
      <c r="E58" s="544"/>
      <c r="F58" s="545"/>
      <c r="G58" s="544"/>
      <c r="H58" s="545"/>
      <c r="I58" s="544"/>
      <c r="J58" s="545"/>
      <c r="K58" s="544"/>
      <c r="L58" s="545"/>
      <c r="M58" s="544"/>
      <c r="N58" s="545"/>
      <c r="O58" s="544"/>
      <c r="P58" s="545"/>
      <c r="Q58" s="544"/>
      <c r="R58" s="545"/>
      <c r="S58" s="546"/>
      <c r="T58" s="547"/>
    </row>
    <row r="59" spans="1:20" s="386" customFormat="1" ht="15.6" customHeight="1">
      <c r="A59" s="533"/>
      <c r="B59" s="548"/>
      <c r="C59" s="549"/>
      <c r="D59" s="550"/>
      <c r="E59" s="551" t="s">
        <v>128</v>
      </c>
      <c r="F59" s="552"/>
      <c r="G59" s="552"/>
      <c r="H59" s="553"/>
      <c r="I59" s="554"/>
      <c r="J59" s="555"/>
      <c r="K59" s="555"/>
      <c r="L59" s="555"/>
      <c r="M59" s="555"/>
      <c r="N59" s="555"/>
      <c r="O59" s="555"/>
      <c r="P59" s="555"/>
      <c r="Q59" s="555"/>
      <c r="R59" s="555"/>
      <c r="S59" s="555"/>
      <c r="T59" s="556"/>
    </row>
    <row r="60" spans="1:20" s="386" customFormat="1" ht="15.95" customHeight="1">
      <c r="A60" s="533"/>
      <c r="B60" s="557" t="s">
        <v>129</v>
      </c>
      <c r="C60" s="558"/>
      <c r="D60" s="558"/>
      <c r="E60" s="559"/>
      <c r="F60" s="559"/>
      <c r="G60" s="559"/>
      <c r="H60" s="560"/>
      <c r="I60" s="561"/>
      <c r="J60" s="474"/>
      <c r="K60" s="562" t="s">
        <v>130</v>
      </c>
      <c r="L60" s="474"/>
      <c r="M60" s="474"/>
      <c r="N60" s="563" t="s">
        <v>131</v>
      </c>
      <c r="O60" s="474"/>
      <c r="P60" s="474"/>
      <c r="Q60" s="562" t="s">
        <v>130</v>
      </c>
      <c r="R60" s="34"/>
      <c r="S60" s="34"/>
      <c r="T60" s="38"/>
    </row>
    <row r="61" spans="1:20" s="386" customFormat="1" ht="15.95" customHeight="1">
      <c r="A61" s="533"/>
      <c r="B61" s="564"/>
      <c r="C61" s="164"/>
      <c r="D61" s="164"/>
      <c r="E61" s="565" t="s">
        <v>132</v>
      </c>
      <c r="F61" s="566"/>
      <c r="G61" s="31" t="s">
        <v>133</v>
      </c>
      <c r="H61" s="32"/>
      <c r="I61" s="561"/>
      <c r="J61" s="474"/>
      <c r="K61" s="562" t="s">
        <v>130</v>
      </c>
      <c r="L61" s="474"/>
      <c r="M61" s="474"/>
      <c r="N61" s="563" t="s">
        <v>131</v>
      </c>
      <c r="O61" s="474"/>
      <c r="P61" s="474"/>
      <c r="Q61" s="562" t="s">
        <v>130</v>
      </c>
      <c r="R61" s="34"/>
      <c r="S61" s="34"/>
      <c r="T61" s="38"/>
    </row>
    <row r="62" spans="1:20" s="386" customFormat="1" ht="15.95" customHeight="1">
      <c r="A62" s="533"/>
      <c r="B62" s="564"/>
      <c r="C62" s="164"/>
      <c r="D62" s="164"/>
      <c r="E62" s="536"/>
      <c r="F62" s="492"/>
      <c r="G62" s="31" t="s">
        <v>134</v>
      </c>
      <c r="H62" s="32"/>
      <c r="I62" s="561"/>
      <c r="J62" s="474"/>
      <c r="K62" s="562" t="s">
        <v>130</v>
      </c>
      <c r="L62" s="474"/>
      <c r="M62" s="474"/>
      <c r="N62" s="563" t="s">
        <v>131</v>
      </c>
      <c r="O62" s="474"/>
      <c r="P62" s="474"/>
      <c r="Q62" s="562" t="s">
        <v>130</v>
      </c>
      <c r="R62" s="34"/>
      <c r="S62" s="34"/>
      <c r="T62" s="38"/>
    </row>
    <row r="63" spans="1:20" s="386" customFormat="1" ht="15.95" customHeight="1">
      <c r="A63" s="533"/>
      <c r="B63" s="567"/>
      <c r="C63" s="568"/>
      <c r="D63" s="568"/>
      <c r="E63" s="548"/>
      <c r="F63" s="569"/>
      <c r="G63" s="31" t="s">
        <v>135</v>
      </c>
      <c r="H63" s="32"/>
      <c r="I63" s="561"/>
      <c r="J63" s="474"/>
      <c r="K63" s="562" t="s">
        <v>130</v>
      </c>
      <c r="L63" s="474"/>
      <c r="M63" s="474"/>
      <c r="N63" s="563" t="s">
        <v>131</v>
      </c>
      <c r="O63" s="474"/>
      <c r="P63" s="474"/>
      <c r="Q63" s="562" t="s">
        <v>130</v>
      </c>
      <c r="R63" s="34"/>
      <c r="S63" s="34"/>
      <c r="T63" s="38"/>
    </row>
    <row r="64" spans="1:20" s="386" customFormat="1" ht="16.350000000000001" customHeight="1">
      <c r="A64" s="533"/>
      <c r="B64" s="570" t="s">
        <v>136</v>
      </c>
      <c r="C64" s="571"/>
      <c r="D64" s="571"/>
      <c r="E64" s="571"/>
      <c r="F64" s="571"/>
      <c r="G64" s="571"/>
      <c r="H64" s="572"/>
      <c r="I64" s="561"/>
      <c r="J64" s="474"/>
      <c r="K64" s="573" t="s">
        <v>130</v>
      </c>
      <c r="L64" s="474"/>
      <c r="M64" s="474"/>
      <c r="N64" s="574" t="s">
        <v>131</v>
      </c>
      <c r="O64" s="474"/>
      <c r="P64" s="474"/>
      <c r="Q64" s="573" t="s">
        <v>130</v>
      </c>
      <c r="R64" s="34"/>
      <c r="S64" s="34"/>
      <c r="T64" s="38"/>
    </row>
    <row r="65" spans="1:20" s="386" customFormat="1" ht="16.350000000000001" customHeight="1" thickBot="1">
      <c r="A65" s="533"/>
      <c r="B65" s="158" t="s">
        <v>137</v>
      </c>
      <c r="C65" s="528"/>
      <c r="D65" s="528"/>
      <c r="E65" s="528"/>
      <c r="F65" s="528"/>
      <c r="G65" s="528"/>
      <c r="H65" s="159"/>
      <c r="I65" s="576"/>
      <c r="J65" s="577"/>
      <c r="K65" s="577"/>
      <c r="L65" s="578" t="s">
        <v>138</v>
      </c>
      <c r="M65" s="585"/>
      <c r="N65" s="580"/>
      <c r="O65" s="528"/>
      <c r="P65" s="528"/>
      <c r="Q65" s="581"/>
      <c r="R65" s="582"/>
      <c r="S65" s="582"/>
      <c r="T65" s="583"/>
    </row>
    <row r="66" spans="1:20" s="386" customFormat="1" ht="15" customHeight="1" thickBot="1">
      <c r="A66" s="586" t="s">
        <v>141</v>
      </c>
      <c r="B66" s="587"/>
      <c r="C66" s="587"/>
      <c r="D66" s="588"/>
      <c r="E66" s="589" t="s">
        <v>142</v>
      </c>
      <c r="F66" s="590"/>
      <c r="G66" s="590"/>
      <c r="H66" s="590"/>
      <c r="I66" s="590"/>
      <c r="J66" s="590"/>
      <c r="K66" s="590"/>
      <c r="L66" s="590"/>
      <c r="M66" s="590"/>
      <c r="N66" s="590"/>
      <c r="O66" s="590"/>
      <c r="P66" s="590"/>
      <c r="Q66" s="590"/>
      <c r="R66" s="590"/>
      <c r="S66" s="590"/>
      <c r="T66" s="591"/>
    </row>
    <row r="67" spans="1:20" s="386" customFormat="1" ht="25.5" customHeight="1">
      <c r="A67" s="592"/>
      <c r="B67" s="592"/>
      <c r="C67" s="592"/>
      <c r="D67" s="592"/>
      <c r="E67" s="592"/>
      <c r="F67" s="592"/>
      <c r="G67" s="593"/>
      <c r="H67" s="593"/>
      <c r="I67" s="593"/>
      <c r="J67" s="593"/>
      <c r="K67" s="593"/>
      <c r="L67" s="593"/>
      <c r="M67" s="593"/>
      <c r="N67" s="593"/>
      <c r="O67" s="593"/>
      <c r="P67" s="593"/>
      <c r="Q67" s="593"/>
      <c r="R67" s="593" t="s">
        <v>143</v>
      </c>
      <c r="S67" s="593"/>
      <c r="T67" s="593"/>
    </row>
    <row r="68" spans="1:20" s="386" customFormat="1" ht="29.1" customHeight="1" thickBot="1">
      <c r="A68" s="594" t="s">
        <v>144</v>
      </c>
      <c r="B68" s="594"/>
      <c r="C68" s="594"/>
      <c r="D68" s="594"/>
      <c r="E68" s="594"/>
      <c r="F68" s="594"/>
      <c r="G68" s="594"/>
      <c r="H68" s="594"/>
      <c r="I68" s="594"/>
      <c r="J68" s="594"/>
      <c r="K68" s="594"/>
      <c r="L68" s="594"/>
      <c r="M68" s="594"/>
      <c r="N68" s="594"/>
      <c r="O68" s="594"/>
      <c r="P68" s="594"/>
      <c r="Q68" s="594"/>
      <c r="R68" s="594"/>
      <c r="S68" s="594"/>
      <c r="T68" s="594"/>
    </row>
    <row r="69" spans="1:20" s="386" customFormat="1" ht="15" customHeight="1">
      <c r="A69" s="595" t="s">
        <v>91</v>
      </c>
      <c r="B69" s="596" t="s">
        <v>3</v>
      </c>
      <c r="C69" s="597"/>
      <c r="D69" s="598"/>
      <c r="E69" s="599"/>
      <c r="F69" s="599"/>
      <c r="G69" s="599"/>
      <c r="H69" s="599"/>
      <c r="I69" s="599"/>
      <c r="J69" s="599"/>
      <c r="K69" s="599"/>
      <c r="L69" s="599"/>
      <c r="M69" s="599"/>
      <c r="N69" s="599"/>
      <c r="O69" s="599"/>
      <c r="P69" s="599"/>
      <c r="Q69" s="599"/>
      <c r="R69" s="599"/>
      <c r="S69" s="599"/>
      <c r="T69" s="600"/>
    </row>
    <row r="70" spans="1:20" s="386" customFormat="1" ht="15" customHeight="1">
      <c r="A70" s="491"/>
      <c r="B70" s="116" t="s">
        <v>92</v>
      </c>
      <c r="C70" s="117"/>
      <c r="D70" s="134"/>
      <c r="E70" s="465"/>
      <c r="F70" s="465"/>
      <c r="G70" s="465"/>
      <c r="H70" s="465"/>
      <c r="I70" s="465"/>
      <c r="J70" s="465"/>
      <c r="K70" s="465"/>
      <c r="L70" s="465"/>
      <c r="M70" s="465"/>
      <c r="N70" s="465"/>
      <c r="O70" s="465"/>
      <c r="P70" s="465"/>
      <c r="Q70" s="465"/>
      <c r="R70" s="465"/>
      <c r="S70" s="465"/>
      <c r="T70" s="601"/>
    </row>
    <row r="71" spans="1:20" s="386" customFormat="1" ht="15" customHeight="1">
      <c r="A71" s="491"/>
      <c r="B71" s="118" t="s">
        <v>60</v>
      </c>
      <c r="C71" s="21"/>
      <c r="D71" s="115"/>
      <c r="E71" s="118" t="s">
        <v>6</v>
      </c>
      <c r="F71" s="21"/>
      <c r="G71" s="18"/>
      <c r="H71" s="19" t="s">
        <v>93</v>
      </c>
      <c r="I71" s="18"/>
      <c r="J71" s="19" t="s">
        <v>94</v>
      </c>
      <c r="K71" s="21"/>
      <c r="L71" s="21"/>
      <c r="M71" s="21"/>
      <c r="N71" s="21"/>
      <c r="O71" s="21"/>
      <c r="P71" s="21"/>
      <c r="Q71" s="21"/>
      <c r="R71" s="21"/>
      <c r="S71" s="21"/>
      <c r="T71" s="22"/>
    </row>
    <row r="72" spans="1:20" s="386" customFormat="1" ht="15" customHeight="1">
      <c r="A72" s="491"/>
      <c r="B72" s="468"/>
      <c r="C72" s="121"/>
      <c r="D72" s="122"/>
      <c r="E72" s="469"/>
      <c r="F72" s="470"/>
      <c r="G72" s="470"/>
      <c r="H72" s="277" t="s">
        <v>9</v>
      </c>
      <c r="I72" s="470"/>
      <c r="J72" s="470"/>
      <c r="K72" s="470"/>
      <c r="L72" s="470"/>
      <c r="M72" s="470"/>
      <c r="N72" s="277" t="s">
        <v>10</v>
      </c>
      <c r="O72" s="470"/>
      <c r="P72" s="470"/>
      <c r="Q72" s="470"/>
      <c r="R72" s="470"/>
      <c r="S72" s="470"/>
      <c r="T72" s="471"/>
    </row>
    <row r="73" spans="1:20" s="386" customFormat="1" ht="15" customHeight="1">
      <c r="A73" s="491"/>
      <c r="B73" s="468"/>
      <c r="C73" s="121"/>
      <c r="D73" s="122"/>
      <c r="E73" s="469"/>
      <c r="F73" s="470"/>
      <c r="G73" s="470"/>
      <c r="H73" s="277" t="s">
        <v>11</v>
      </c>
      <c r="I73" s="470"/>
      <c r="J73" s="470"/>
      <c r="K73" s="470"/>
      <c r="L73" s="470"/>
      <c r="M73" s="470"/>
      <c r="N73" s="277" t="s">
        <v>95</v>
      </c>
      <c r="O73" s="470"/>
      <c r="P73" s="470"/>
      <c r="Q73" s="470"/>
      <c r="R73" s="470"/>
      <c r="S73" s="470"/>
      <c r="T73" s="471"/>
    </row>
    <row r="74" spans="1:20" s="386" customFormat="1" ht="18.95" customHeight="1">
      <c r="A74" s="491"/>
      <c r="B74" s="125"/>
      <c r="C74" s="460"/>
      <c r="D74" s="126"/>
      <c r="E74" s="602"/>
      <c r="F74" s="27"/>
      <c r="G74" s="27"/>
      <c r="H74" s="27"/>
      <c r="I74" s="27"/>
      <c r="J74" s="27"/>
      <c r="K74" s="27"/>
      <c r="L74" s="27"/>
      <c r="M74" s="27"/>
      <c r="N74" s="27"/>
      <c r="O74" s="27"/>
      <c r="P74" s="27"/>
      <c r="Q74" s="462"/>
      <c r="R74" s="462"/>
      <c r="S74" s="462"/>
      <c r="T74" s="497"/>
    </row>
    <row r="75" spans="1:20" s="386" customFormat="1" ht="15" customHeight="1">
      <c r="A75" s="491"/>
      <c r="B75" s="118" t="s">
        <v>13</v>
      </c>
      <c r="C75" s="21"/>
      <c r="D75" s="115"/>
      <c r="E75" s="116" t="s">
        <v>72</v>
      </c>
      <c r="F75" s="134"/>
      <c r="G75" s="472"/>
      <c r="H75" s="473"/>
      <c r="I75" s="473"/>
      <c r="J75" s="473"/>
      <c r="K75" s="473"/>
      <c r="L75" s="35" t="s">
        <v>15</v>
      </c>
      <c r="M75" s="474"/>
      <c r="N75" s="475"/>
      <c r="O75" s="31" t="s">
        <v>73</v>
      </c>
      <c r="P75" s="32"/>
      <c r="Q75" s="476"/>
      <c r="R75" s="473"/>
      <c r="S75" s="473"/>
      <c r="T75" s="603"/>
    </row>
    <row r="76" spans="1:20" s="386" customFormat="1" ht="15" customHeight="1">
      <c r="A76" s="491"/>
      <c r="B76" s="604"/>
      <c r="C76" s="549"/>
      <c r="D76" s="550"/>
      <c r="E76" s="116" t="s">
        <v>17</v>
      </c>
      <c r="F76" s="134"/>
      <c r="G76" s="479"/>
      <c r="H76" s="480"/>
      <c r="I76" s="480"/>
      <c r="J76" s="480"/>
      <c r="K76" s="480"/>
      <c r="L76" s="480"/>
      <c r="M76" s="480"/>
      <c r="N76" s="480"/>
      <c r="O76" s="480"/>
      <c r="P76" s="480"/>
      <c r="Q76" s="480"/>
      <c r="R76" s="480"/>
      <c r="S76" s="480"/>
      <c r="T76" s="605"/>
    </row>
    <row r="77" spans="1:20" s="386" customFormat="1" ht="15" customHeight="1">
      <c r="A77" s="524" t="s">
        <v>106</v>
      </c>
      <c r="B77" s="525"/>
      <c r="C77" s="525"/>
      <c r="D77" s="525"/>
      <c r="E77" s="525"/>
      <c r="F77" s="525"/>
      <c r="G77" s="525"/>
      <c r="H77" s="525"/>
      <c r="I77" s="525"/>
      <c r="J77" s="525"/>
      <c r="K77" s="525"/>
      <c r="L77" s="525"/>
      <c r="M77" s="525"/>
      <c r="N77" s="525"/>
      <c r="O77" s="525"/>
      <c r="P77" s="525"/>
      <c r="Q77" s="525"/>
      <c r="R77" s="525"/>
      <c r="S77" s="525"/>
      <c r="T77" s="526"/>
    </row>
    <row r="78" spans="1:20" s="306" customFormat="1" ht="15" customHeight="1" thickBot="1">
      <c r="A78" s="519" t="s">
        <v>107</v>
      </c>
      <c r="B78" s="520"/>
      <c r="C78" s="520"/>
      <c r="D78" s="520"/>
      <c r="E78" s="520"/>
      <c r="F78" s="520"/>
      <c r="G78" s="520"/>
      <c r="H78" s="521"/>
      <c r="I78" s="366"/>
      <c r="J78" s="520"/>
      <c r="K78" s="527" t="s">
        <v>108</v>
      </c>
      <c r="L78" s="158" t="s">
        <v>109</v>
      </c>
      <c r="M78" s="528"/>
      <c r="N78" s="528"/>
      <c r="O78" s="528"/>
      <c r="P78" s="528"/>
      <c r="Q78" s="159"/>
      <c r="R78" s="158"/>
      <c r="S78" s="528"/>
      <c r="T78" s="529" t="s">
        <v>110</v>
      </c>
    </row>
    <row r="79" spans="1:20" s="386" customFormat="1" ht="15" customHeight="1">
      <c r="A79" s="606" t="s">
        <v>145</v>
      </c>
      <c r="B79" s="531" t="s">
        <v>106</v>
      </c>
      <c r="C79" s="531"/>
      <c r="D79" s="531"/>
      <c r="E79" s="531"/>
      <c r="F79" s="531"/>
      <c r="G79" s="531"/>
      <c r="H79" s="531"/>
      <c r="I79" s="531"/>
      <c r="J79" s="531"/>
      <c r="K79" s="531"/>
      <c r="L79" s="531"/>
      <c r="M79" s="531"/>
      <c r="N79" s="531"/>
      <c r="O79" s="531"/>
      <c r="P79" s="531"/>
      <c r="Q79" s="531"/>
      <c r="R79" s="531"/>
      <c r="S79" s="531"/>
      <c r="T79" s="532"/>
    </row>
    <row r="80" spans="1:20" s="386" customFormat="1" ht="16.350000000000001" customHeight="1">
      <c r="A80" s="607"/>
      <c r="B80" s="534" t="s">
        <v>119</v>
      </c>
      <c r="C80" s="21"/>
      <c r="D80" s="115"/>
      <c r="E80" s="540" t="s">
        <v>120</v>
      </c>
      <c r="F80" s="541"/>
      <c r="G80" s="542" t="s">
        <v>121</v>
      </c>
      <c r="H80" s="541"/>
      <c r="I80" s="542" t="s">
        <v>122</v>
      </c>
      <c r="J80" s="541"/>
      <c r="K80" s="542" t="s">
        <v>123</v>
      </c>
      <c r="L80" s="541"/>
      <c r="M80" s="542" t="s">
        <v>124</v>
      </c>
      <c r="N80" s="541"/>
      <c r="O80" s="542" t="s">
        <v>125</v>
      </c>
      <c r="P80" s="541"/>
      <c r="Q80" s="542" t="s">
        <v>126</v>
      </c>
      <c r="R80" s="541"/>
      <c r="S80" s="542" t="s">
        <v>127</v>
      </c>
      <c r="T80" s="543"/>
    </row>
    <row r="81" spans="1:20" s="386" customFormat="1" ht="15.6" customHeight="1">
      <c r="A81" s="607"/>
      <c r="B81" s="536"/>
      <c r="C81" s="121"/>
      <c r="D81" s="122"/>
      <c r="E81" s="544"/>
      <c r="F81" s="545"/>
      <c r="G81" s="544"/>
      <c r="H81" s="545"/>
      <c r="I81" s="544"/>
      <c r="J81" s="545"/>
      <c r="K81" s="544"/>
      <c r="L81" s="545"/>
      <c r="M81" s="544"/>
      <c r="N81" s="545"/>
      <c r="O81" s="544"/>
      <c r="P81" s="545"/>
      <c r="Q81" s="544"/>
      <c r="R81" s="545"/>
      <c r="S81" s="546"/>
      <c r="T81" s="547"/>
    </row>
    <row r="82" spans="1:20" s="386" customFormat="1" ht="15.6" customHeight="1">
      <c r="A82" s="607"/>
      <c r="B82" s="548"/>
      <c r="C82" s="549"/>
      <c r="D82" s="550"/>
      <c r="E82" s="551" t="s">
        <v>128</v>
      </c>
      <c r="F82" s="552"/>
      <c r="G82" s="552"/>
      <c r="H82" s="553"/>
      <c r="I82" s="554"/>
      <c r="J82" s="555"/>
      <c r="K82" s="555"/>
      <c r="L82" s="555"/>
      <c r="M82" s="555"/>
      <c r="N82" s="555"/>
      <c r="O82" s="555"/>
      <c r="P82" s="555"/>
      <c r="Q82" s="555"/>
      <c r="R82" s="555"/>
      <c r="S82" s="555"/>
      <c r="T82" s="556"/>
    </row>
    <row r="83" spans="1:20" s="386" customFormat="1" ht="15.95" customHeight="1">
      <c r="A83" s="607"/>
      <c r="B83" s="557" t="s">
        <v>129</v>
      </c>
      <c r="C83" s="558"/>
      <c r="D83" s="558"/>
      <c r="E83" s="559"/>
      <c r="F83" s="559"/>
      <c r="G83" s="559"/>
      <c r="H83" s="560"/>
      <c r="I83" s="561"/>
      <c r="J83" s="474"/>
      <c r="K83" s="562" t="s">
        <v>130</v>
      </c>
      <c r="L83" s="474"/>
      <c r="M83" s="474"/>
      <c r="N83" s="563" t="s">
        <v>131</v>
      </c>
      <c r="O83" s="474"/>
      <c r="P83" s="474"/>
      <c r="Q83" s="562" t="s">
        <v>130</v>
      </c>
      <c r="R83" s="34"/>
      <c r="S83" s="34"/>
      <c r="T83" s="38"/>
    </row>
    <row r="84" spans="1:20" s="386" customFormat="1" ht="15.95" customHeight="1">
      <c r="A84" s="607"/>
      <c r="B84" s="564"/>
      <c r="C84" s="164"/>
      <c r="D84" s="164"/>
      <c r="E84" s="565" t="s">
        <v>132</v>
      </c>
      <c r="F84" s="566"/>
      <c r="G84" s="31" t="s">
        <v>133</v>
      </c>
      <c r="H84" s="32"/>
      <c r="I84" s="561"/>
      <c r="J84" s="474"/>
      <c r="K84" s="562" t="s">
        <v>130</v>
      </c>
      <c r="L84" s="474"/>
      <c r="M84" s="474"/>
      <c r="N84" s="563" t="s">
        <v>131</v>
      </c>
      <c r="O84" s="474"/>
      <c r="P84" s="474"/>
      <c r="Q84" s="562" t="s">
        <v>130</v>
      </c>
      <c r="R84" s="34"/>
      <c r="S84" s="34"/>
      <c r="T84" s="38"/>
    </row>
    <row r="85" spans="1:20" s="386" customFormat="1" ht="15.95" customHeight="1">
      <c r="A85" s="607"/>
      <c r="B85" s="564"/>
      <c r="C85" s="164"/>
      <c r="D85" s="164"/>
      <c r="E85" s="536"/>
      <c r="F85" s="492"/>
      <c r="G85" s="31" t="s">
        <v>134</v>
      </c>
      <c r="H85" s="32"/>
      <c r="I85" s="561"/>
      <c r="J85" s="474"/>
      <c r="K85" s="562" t="s">
        <v>130</v>
      </c>
      <c r="L85" s="474"/>
      <c r="M85" s="474"/>
      <c r="N85" s="563" t="s">
        <v>131</v>
      </c>
      <c r="O85" s="474"/>
      <c r="P85" s="474"/>
      <c r="Q85" s="562" t="s">
        <v>130</v>
      </c>
      <c r="R85" s="34"/>
      <c r="S85" s="34"/>
      <c r="T85" s="38"/>
    </row>
    <row r="86" spans="1:20" s="386" customFormat="1" ht="15.95" customHeight="1">
      <c r="A86" s="607"/>
      <c r="B86" s="567"/>
      <c r="C86" s="568"/>
      <c r="D86" s="568"/>
      <c r="E86" s="548"/>
      <c r="F86" s="569"/>
      <c r="G86" s="31" t="s">
        <v>135</v>
      </c>
      <c r="H86" s="32"/>
      <c r="I86" s="561"/>
      <c r="J86" s="474"/>
      <c r="K86" s="562" t="s">
        <v>130</v>
      </c>
      <c r="L86" s="474"/>
      <c r="M86" s="474"/>
      <c r="N86" s="563" t="s">
        <v>131</v>
      </c>
      <c r="O86" s="474"/>
      <c r="P86" s="474"/>
      <c r="Q86" s="562" t="s">
        <v>130</v>
      </c>
      <c r="R86" s="34"/>
      <c r="S86" s="34"/>
      <c r="T86" s="38"/>
    </row>
    <row r="87" spans="1:20" s="386" customFormat="1" ht="16.350000000000001" customHeight="1">
      <c r="A87" s="607"/>
      <c r="B87" s="570" t="s">
        <v>136</v>
      </c>
      <c r="C87" s="571"/>
      <c r="D87" s="571"/>
      <c r="E87" s="571"/>
      <c r="F87" s="571"/>
      <c r="G87" s="571"/>
      <c r="H87" s="572"/>
      <c r="I87" s="561"/>
      <c r="J87" s="474"/>
      <c r="K87" s="573" t="s">
        <v>130</v>
      </c>
      <c r="L87" s="474"/>
      <c r="M87" s="474"/>
      <c r="N87" s="574" t="s">
        <v>131</v>
      </c>
      <c r="O87" s="474"/>
      <c r="P87" s="474"/>
      <c r="Q87" s="573" t="s">
        <v>130</v>
      </c>
      <c r="R87" s="34"/>
      <c r="S87" s="34"/>
      <c r="T87" s="38"/>
    </row>
    <row r="88" spans="1:20" s="386" customFormat="1" ht="16.350000000000001" customHeight="1" thickBot="1">
      <c r="A88" s="607"/>
      <c r="B88" s="158" t="s">
        <v>137</v>
      </c>
      <c r="C88" s="528"/>
      <c r="D88" s="528"/>
      <c r="E88" s="528"/>
      <c r="F88" s="528"/>
      <c r="G88" s="528"/>
      <c r="H88" s="159"/>
      <c r="I88" s="576"/>
      <c r="J88" s="577"/>
      <c r="K88" s="577"/>
      <c r="L88" s="578" t="s">
        <v>138</v>
      </c>
      <c r="M88" s="579"/>
      <c r="N88" s="580"/>
      <c r="O88" s="528"/>
      <c r="P88" s="528"/>
      <c r="Q88" s="581"/>
      <c r="R88" s="582"/>
      <c r="S88" s="582"/>
      <c r="T88" s="583"/>
    </row>
    <row r="89" spans="1:20" s="386" customFormat="1" ht="15" customHeight="1">
      <c r="A89" s="606" t="s">
        <v>146</v>
      </c>
      <c r="B89" s="531" t="s">
        <v>106</v>
      </c>
      <c r="C89" s="531"/>
      <c r="D89" s="531"/>
      <c r="E89" s="531"/>
      <c r="F89" s="531"/>
      <c r="G89" s="531"/>
      <c r="H89" s="531"/>
      <c r="I89" s="531"/>
      <c r="J89" s="531"/>
      <c r="K89" s="531"/>
      <c r="L89" s="531"/>
      <c r="M89" s="531"/>
      <c r="N89" s="531"/>
      <c r="O89" s="531"/>
      <c r="P89" s="531"/>
      <c r="Q89" s="531"/>
      <c r="R89" s="531"/>
      <c r="S89" s="531"/>
      <c r="T89" s="532"/>
    </row>
    <row r="90" spans="1:20" s="386" customFormat="1" ht="16.350000000000001" customHeight="1">
      <c r="A90" s="607"/>
      <c r="B90" s="534" t="s">
        <v>119</v>
      </c>
      <c r="C90" s="21"/>
      <c r="D90" s="115"/>
      <c r="E90" s="540" t="s">
        <v>120</v>
      </c>
      <c r="F90" s="541"/>
      <c r="G90" s="542" t="s">
        <v>121</v>
      </c>
      <c r="H90" s="541"/>
      <c r="I90" s="542" t="s">
        <v>122</v>
      </c>
      <c r="J90" s="541"/>
      <c r="K90" s="542" t="s">
        <v>123</v>
      </c>
      <c r="L90" s="541"/>
      <c r="M90" s="542" t="s">
        <v>124</v>
      </c>
      <c r="N90" s="541"/>
      <c r="O90" s="542" t="s">
        <v>125</v>
      </c>
      <c r="P90" s="541"/>
      <c r="Q90" s="542" t="s">
        <v>126</v>
      </c>
      <c r="R90" s="541"/>
      <c r="S90" s="542" t="s">
        <v>127</v>
      </c>
      <c r="T90" s="543"/>
    </row>
    <row r="91" spans="1:20" s="386" customFormat="1" ht="15.6" customHeight="1">
      <c r="A91" s="607"/>
      <c r="B91" s="536"/>
      <c r="C91" s="121"/>
      <c r="D91" s="122"/>
      <c r="E91" s="544"/>
      <c r="F91" s="545"/>
      <c r="G91" s="544"/>
      <c r="H91" s="545"/>
      <c r="I91" s="544"/>
      <c r="J91" s="545"/>
      <c r="K91" s="544"/>
      <c r="L91" s="545"/>
      <c r="M91" s="544"/>
      <c r="N91" s="545"/>
      <c r="O91" s="544"/>
      <c r="P91" s="545"/>
      <c r="Q91" s="544"/>
      <c r="R91" s="545"/>
      <c r="S91" s="546"/>
      <c r="T91" s="547"/>
    </row>
    <row r="92" spans="1:20" s="386" customFormat="1" ht="15.6" customHeight="1">
      <c r="A92" s="607"/>
      <c r="B92" s="548"/>
      <c r="C92" s="549"/>
      <c r="D92" s="550"/>
      <c r="E92" s="551" t="s">
        <v>128</v>
      </c>
      <c r="F92" s="552"/>
      <c r="G92" s="552"/>
      <c r="H92" s="553"/>
      <c r="I92" s="554"/>
      <c r="J92" s="555"/>
      <c r="K92" s="555"/>
      <c r="L92" s="555"/>
      <c r="M92" s="555"/>
      <c r="N92" s="555"/>
      <c r="O92" s="555"/>
      <c r="P92" s="555"/>
      <c r="Q92" s="555"/>
      <c r="R92" s="555"/>
      <c r="S92" s="555"/>
      <c r="T92" s="556"/>
    </row>
    <row r="93" spans="1:20" s="386" customFormat="1" ht="15.95" customHeight="1">
      <c r="A93" s="607"/>
      <c r="B93" s="557" t="s">
        <v>129</v>
      </c>
      <c r="C93" s="558"/>
      <c r="D93" s="558"/>
      <c r="E93" s="559"/>
      <c r="F93" s="559"/>
      <c r="G93" s="559"/>
      <c r="H93" s="560"/>
      <c r="I93" s="561"/>
      <c r="J93" s="474"/>
      <c r="K93" s="562" t="s">
        <v>130</v>
      </c>
      <c r="L93" s="474"/>
      <c r="M93" s="474"/>
      <c r="N93" s="563" t="s">
        <v>131</v>
      </c>
      <c r="O93" s="474"/>
      <c r="P93" s="474"/>
      <c r="Q93" s="562" t="s">
        <v>130</v>
      </c>
      <c r="R93" s="34"/>
      <c r="S93" s="34"/>
      <c r="T93" s="38"/>
    </row>
    <row r="94" spans="1:20" s="386" customFormat="1" ht="15.95" customHeight="1">
      <c r="A94" s="607"/>
      <c r="B94" s="564"/>
      <c r="C94" s="164"/>
      <c r="D94" s="164"/>
      <c r="E94" s="565" t="s">
        <v>132</v>
      </c>
      <c r="F94" s="566"/>
      <c r="G94" s="31" t="s">
        <v>133</v>
      </c>
      <c r="H94" s="32"/>
      <c r="I94" s="561"/>
      <c r="J94" s="474"/>
      <c r="K94" s="562" t="s">
        <v>130</v>
      </c>
      <c r="L94" s="474"/>
      <c r="M94" s="474"/>
      <c r="N94" s="563" t="s">
        <v>131</v>
      </c>
      <c r="O94" s="474"/>
      <c r="P94" s="474"/>
      <c r="Q94" s="562" t="s">
        <v>130</v>
      </c>
      <c r="R94" s="34"/>
      <c r="S94" s="34"/>
      <c r="T94" s="38"/>
    </row>
    <row r="95" spans="1:20" s="386" customFormat="1" ht="15.95" customHeight="1">
      <c r="A95" s="607"/>
      <c r="B95" s="564"/>
      <c r="C95" s="164"/>
      <c r="D95" s="164"/>
      <c r="E95" s="536"/>
      <c r="F95" s="492"/>
      <c r="G95" s="31" t="s">
        <v>134</v>
      </c>
      <c r="H95" s="32"/>
      <c r="I95" s="561"/>
      <c r="J95" s="474"/>
      <c r="K95" s="562" t="s">
        <v>130</v>
      </c>
      <c r="L95" s="474"/>
      <c r="M95" s="474"/>
      <c r="N95" s="563" t="s">
        <v>131</v>
      </c>
      <c r="O95" s="474"/>
      <c r="P95" s="474"/>
      <c r="Q95" s="562" t="s">
        <v>130</v>
      </c>
      <c r="R95" s="34"/>
      <c r="S95" s="34"/>
      <c r="T95" s="38"/>
    </row>
    <row r="96" spans="1:20" s="386" customFormat="1" ht="15.95" customHeight="1">
      <c r="A96" s="607"/>
      <c r="B96" s="567"/>
      <c r="C96" s="568"/>
      <c r="D96" s="568"/>
      <c r="E96" s="548"/>
      <c r="F96" s="569"/>
      <c r="G96" s="31" t="s">
        <v>135</v>
      </c>
      <c r="H96" s="32"/>
      <c r="I96" s="561"/>
      <c r="J96" s="474"/>
      <c r="K96" s="562" t="s">
        <v>130</v>
      </c>
      <c r="L96" s="474"/>
      <c r="M96" s="474"/>
      <c r="N96" s="563" t="s">
        <v>131</v>
      </c>
      <c r="O96" s="474"/>
      <c r="P96" s="474"/>
      <c r="Q96" s="562" t="s">
        <v>130</v>
      </c>
      <c r="R96" s="34"/>
      <c r="S96" s="34"/>
      <c r="T96" s="38"/>
    </row>
    <row r="97" spans="1:20" s="386" customFormat="1" ht="16.350000000000001" customHeight="1">
      <c r="A97" s="607"/>
      <c r="B97" s="570" t="s">
        <v>136</v>
      </c>
      <c r="C97" s="571"/>
      <c r="D97" s="571"/>
      <c r="E97" s="571"/>
      <c r="F97" s="571"/>
      <c r="G97" s="571"/>
      <c r="H97" s="572"/>
      <c r="I97" s="561"/>
      <c r="J97" s="474"/>
      <c r="K97" s="573" t="s">
        <v>130</v>
      </c>
      <c r="L97" s="474"/>
      <c r="M97" s="474"/>
      <c r="N97" s="574" t="s">
        <v>131</v>
      </c>
      <c r="O97" s="474"/>
      <c r="P97" s="474"/>
      <c r="Q97" s="573" t="s">
        <v>130</v>
      </c>
      <c r="R97" s="34"/>
      <c r="S97" s="34"/>
      <c r="T97" s="38"/>
    </row>
    <row r="98" spans="1:20" s="386" customFormat="1" ht="16.350000000000001" customHeight="1" thickBot="1">
      <c r="A98" s="607"/>
      <c r="B98" s="158" t="s">
        <v>137</v>
      </c>
      <c r="C98" s="528"/>
      <c r="D98" s="528"/>
      <c r="E98" s="528"/>
      <c r="F98" s="528"/>
      <c r="G98" s="528"/>
      <c r="H98" s="159"/>
      <c r="I98" s="576"/>
      <c r="J98" s="577"/>
      <c r="K98" s="577"/>
      <c r="L98" s="578" t="s">
        <v>138</v>
      </c>
      <c r="M98" s="580"/>
      <c r="N98" s="580"/>
      <c r="O98" s="528"/>
      <c r="P98" s="528"/>
      <c r="Q98" s="581"/>
      <c r="R98" s="582"/>
      <c r="S98" s="582"/>
      <c r="T98" s="583"/>
    </row>
    <row r="99" spans="1:20" s="386" customFormat="1" ht="15" customHeight="1">
      <c r="A99" s="606" t="s">
        <v>147</v>
      </c>
      <c r="B99" s="531" t="s">
        <v>106</v>
      </c>
      <c r="C99" s="531"/>
      <c r="D99" s="531"/>
      <c r="E99" s="531"/>
      <c r="F99" s="531"/>
      <c r="G99" s="531"/>
      <c r="H99" s="531"/>
      <c r="I99" s="531"/>
      <c r="J99" s="531"/>
      <c r="K99" s="531"/>
      <c r="L99" s="531"/>
      <c r="M99" s="531"/>
      <c r="N99" s="531"/>
      <c r="O99" s="531"/>
      <c r="P99" s="531"/>
      <c r="Q99" s="531"/>
      <c r="R99" s="531"/>
      <c r="S99" s="531"/>
      <c r="T99" s="532"/>
    </row>
    <row r="100" spans="1:20" s="386" customFormat="1" ht="16.350000000000001" customHeight="1">
      <c r="A100" s="607"/>
      <c r="B100" s="534" t="s">
        <v>119</v>
      </c>
      <c r="C100" s="21"/>
      <c r="D100" s="115"/>
      <c r="E100" s="540" t="s">
        <v>120</v>
      </c>
      <c r="F100" s="541"/>
      <c r="G100" s="542" t="s">
        <v>121</v>
      </c>
      <c r="H100" s="541"/>
      <c r="I100" s="542" t="s">
        <v>122</v>
      </c>
      <c r="J100" s="541"/>
      <c r="K100" s="542" t="s">
        <v>123</v>
      </c>
      <c r="L100" s="541"/>
      <c r="M100" s="542" t="s">
        <v>124</v>
      </c>
      <c r="N100" s="541"/>
      <c r="O100" s="542" t="s">
        <v>125</v>
      </c>
      <c r="P100" s="541"/>
      <c r="Q100" s="542" t="s">
        <v>126</v>
      </c>
      <c r="R100" s="541"/>
      <c r="S100" s="542" t="s">
        <v>127</v>
      </c>
      <c r="T100" s="543"/>
    </row>
    <row r="101" spans="1:20" s="386" customFormat="1" ht="15.6" customHeight="1">
      <c r="A101" s="607"/>
      <c r="B101" s="536"/>
      <c r="C101" s="121"/>
      <c r="D101" s="122"/>
      <c r="E101" s="544"/>
      <c r="F101" s="545"/>
      <c r="G101" s="544"/>
      <c r="H101" s="545"/>
      <c r="I101" s="544"/>
      <c r="J101" s="545"/>
      <c r="K101" s="544"/>
      <c r="L101" s="545"/>
      <c r="M101" s="544"/>
      <c r="N101" s="545"/>
      <c r="O101" s="544"/>
      <c r="P101" s="545"/>
      <c r="Q101" s="544"/>
      <c r="R101" s="545"/>
      <c r="S101" s="546"/>
      <c r="T101" s="547"/>
    </row>
    <row r="102" spans="1:20" s="386" customFormat="1" ht="15.6" customHeight="1">
      <c r="A102" s="607"/>
      <c r="B102" s="548"/>
      <c r="C102" s="549"/>
      <c r="D102" s="550"/>
      <c r="E102" s="551" t="s">
        <v>128</v>
      </c>
      <c r="F102" s="552"/>
      <c r="G102" s="552"/>
      <c r="H102" s="553"/>
      <c r="I102" s="554"/>
      <c r="J102" s="555"/>
      <c r="K102" s="555"/>
      <c r="L102" s="555"/>
      <c r="M102" s="555"/>
      <c r="N102" s="555"/>
      <c r="O102" s="555"/>
      <c r="P102" s="555"/>
      <c r="Q102" s="555"/>
      <c r="R102" s="555"/>
      <c r="S102" s="555"/>
      <c r="T102" s="556"/>
    </row>
    <row r="103" spans="1:20" s="386" customFormat="1" ht="15.95" customHeight="1">
      <c r="A103" s="607"/>
      <c r="B103" s="557" t="s">
        <v>129</v>
      </c>
      <c r="C103" s="558"/>
      <c r="D103" s="558"/>
      <c r="E103" s="559"/>
      <c r="F103" s="559"/>
      <c r="G103" s="559"/>
      <c r="H103" s="560"/>
      <c r="I103" s="561"/>
      <c r="J103" s="474"/>
      <c r="K103" s="562" t="s">
        <v>130</v>
      </c>
      <c r="L103" s="474"/>
      <c r="M103" s="474"/>
      <c r="N103" s="563" t="s">
        <v>131</v>
      </c>
      <c r="O103" s="474"/>
      <c r="P103" s="474"/>
      <c r="Q103" s="562" t="s">
        <v>130</v>
      </c>
      <c r="R103" s="34"/>
      <c r="S103" s="34"/>
      <c r="T103" s="38"/>
    </row>
    <row r="104" spans="1:20" s="386" customFormat="1" ht="15.95" customHeight="1">
      <c r="A104" s="607"/>
      <c r="B104" s="564"/>
      <c r="C104" s="164"/>
      <c r="D104" s="164"/>
      <c r="E104" s="565" t="s">
        <v>132</v>
      </c>
      <c r="F104" s="566"/>
      <c r="G104" s="31" t="s">
        <v>133</v>
      </c>
      <c r="H104" s="32"/>
      <c r="I104" s="561"/>
      <c r="J104" s="474"/>
      <c r="K104" s="562" t="s">
        <v>130</v>
      </c>
      <c r="L104" s="474"/>
      <c r="M104" s="474"/>
      <c r="N104" s="563" t="s">
        <v>131</v>
      </c>
      <c r="O104" s="474"/>
      <c r="P104" s="474"/>
      <c r="Q104" s="562" t="s">
        <v>130</v>
      </c>
      <c r="R104" s="34"/>
      <c r="S104" s="34"/>
      <c r="T104" s="38"/>
    </row>
    <row r="105" spans="1:20" s="386" customFormat="1" ht="15.95" customHeight="1">
      <c r="A105" s="607"/>
      <c r="B105" s="564"/>
      <c r="C105" s="164"/>
      <c r="D105" s="164"/>
      <c r="E105" s="536"/>
      <c r="F105" s="492"/>
      <c r="G105" s="31" t="s">
        <v>134</v>
      </c>
      <c r="H105" s="32"/>
      <c r="I105" s="561"/>
      <c r="J105" s="474"/>
      <c r="K105" s="562" t="s">
        <v>130</v>
      </c>
      <c r="L105" s="474"/>
      <c r="M105" s="474"/>
      <c r="N105" s="563" t="s">
        <v>131</v>
      </c>
      <c r="O105" s="474"/>
      <c r="P105" s="474"/>
      <c r="Q105" s="562" t="s">
        <v>130</v>
      </c>
      <c r="R105" s="34"/>
      <c r="S105" s="34"/>
      <c r="T105" s="38"/>
    </row>
    <row r="106" spans="1:20" s="386" customFormat="1" ht="15.95" customHeight="1">
      <c r="A106" s="607"/>
      <c r="B106" s="567"/>
      <c r="C106" s="568"/>
      <c r="D106" s="568"/>
      <c r="E106" s="548"/>
      <c r="F106" s="569"/>
      <c r="G106" s="31" t="s">
        <v>135</v>
      </c>
      <c r="H106" s="32"/>
      <c r="I106" s="561"/>
      <c r="J106" s="474"/>
      <c r="K106" s="562" t="s">
        <v>130</v>
      </c>
      <c r="L106" s="474"/>
      <c r="M106" s="474"/>
      <c r="N106" s="563" t="s">
        <v>131</v>
      </c>
      <c r="O106" s="474"/>
      <c r="P106" s="474"/>
      <c r="Q106" s="562" t="s">
        <v>130</v>
      </c>
      <c r="R106" s="34"/>
      <c r="S106" s="34"/>
      <c r="T106" s="38"/>
    </row>
    <row r="107" spans="1:20" s="386" customFormat="1" ht="16.350000000000001" customHeight="1">
      <c r="A107" s="607"/>
      <c r="B107" s="570" t="s">
        <v>136</v>
      </c>
      <c r="C107" s="571"/>
      <c r="D107" s="571"/>
      <c r="E107" s="571"/>
      <c r="F107" s="571"/>
      <c r="G107" s="571"/>
      <c r="H107" s="572"/>
      <c r="I107" s="561"/>
      <c r="J107" s="474"/>
      <c r="K107" s="573" t="s">
        <v>130</v>
      </c>
      <c r="L107" s="474"/>
      <c r="M107" s="474"/>
      <c r="N107" s="574" t="s">
        <v>131</v>
      </c>
      <c r="O107" s="474"/>
      <c r="P107" s="474"/>
      <c r="Q107" s="573" t="s">
        <v>130</v>
      </c>
      <c r="R107" s="34"/>
      <c r="S107" s="34"/>
      <c r="T107" s="38"/>
    </row>
    <row r="108" spans="1:20" s="386" customFormat="1" ht="16.350000000000001" customHeight="1" thickBot="1">
      <c r="A108" s="607"/>
      <c r="B108" s="565" t="s">
        <v>137</v>
      </c>
      <c r="C108" s="608"/>
      <c r="D108" s="608"/>
      <c r="E108" s="528"/>
      <c r="F108" s="528"/>
      <c r="G108" s="528"/>
      <c r="H108" s="159"/>
      <c r="I108" s="576"/>
      <c r="J108" s="577"/>
      <c r="K108" s="577"/>
      <c r="L108" s="578" t="s">
        <v>138</v>
      </c>
      <c r="M108" s="580"/>
      <c r="N108" s="580"/>
      <c r="O108" s="528"/>
      <c r="P108" s="528"/>
      <c r="Q108" s="581"/>
      <c r="R108" s="582"/>
      <c r="S108" s="582"/>
      <c r="T108" s="583"/>
    </row>
    <row r="109" spans="1:20" s="386" customFormat="1" ht="15" customHeight="1" thickBot="1">
      <c r="A109" s="586" t="s">
        <v>141</v>
      </c>
      <c r="B109" s="587"/>
      <c r="C109" s="587"/>
      <c r="D109" s="588"/>
      <c r="E109" s="609" t="s">
        <v>148</v>
      </c>
      <c r="F109" s="610"/>
      <c r="G109" s="610"/>
      <c r="H109" s="610"/>
      <c r="I109" s="610"/>
      <c r="J109" s="610"/>
      <c r="K109" s="610"/>
      <c r="L109" s="610"/>
      <c r="M109" s="610"/>
      <c r="N109" s="610"/>
      <c r="O109" s="610"/>
      <c r="P109" s="610"/>
      <c r="Q109" s="610"/>
      <c r="R109" s="610"/>
      <c r="S109" s="610"/>
      <c r="T109" s="611"/>
    </row>
    <row r="110" spans="1:20" s="386" customFormat="1" ht="16.5" customHeight="1">
      <c r="A110" s="592"/>
      <c r="B110" s="592"/>
      <c r="C110" s="592"/>
      <c r="D110" s="592"/>
      <c r="E110" s="592"/>
      <c r="F110" s="592"/>
      <c r="G110" s="593"/>
      <c r="H110" s="593"/>
      <c r="I110" s="593"/>
      <c r="J110" s="593"/>
      <c r="K110" s="593"/>
      <c r="L110" s="593"/>
      <c r="M110" s="593"/>
      <c r="N110" s="593"/>
      <c r="O110" s="593"/>
      <c r="P110" s="593"/>
      <c r="Q110" s="593"/>
      <c r="R110" s="593" t="s">
        <v>51</v>
      </c>
      <c r="S110" s="593"/>
      <c r="T110" s="593"/>
    </row>
    <row r="111" spans="1:20" ht="102.6" customHeight="1">
      <c r="A111" s="2" t="s">
        <v>52</v>
      </c>
      <c r="B111" s="165" t="s">
        <v>149</v>
      </c>
      <c r="C111" s="165"/>
      <c r="D111" s="165"/>
      <c r="E111" s="165"/>
      <c r="F111" s="165"/>
      <c r="G111" s="165"/>
      <c r="H111" s="165"/>
      <c r="I111" s="165"/>
      <c r="J111" s="165"/>
      <c r="K111" s="165"/>
      <c r="L111" s="165"/>
      <c r="M111" s="165"/>
      <c r="N111" s="165"/>
      <c r="O111" s="165"/>
      <c r="P111" s="165"/>
      <c r="Q111" s="165"/>
      <c r="R111" s="165"/>
      <c r="S111" s="165"/>
      <c r="T111" s="165"/>
    </row>
  </sheetData>
  <mergeCells count="484">
    <mergeCell ref="A109:D109"/>
    <mergeCell ref="E109:T109"/>
    <mergeCell ref="B111:T111"/>
    <mergeCell ref="B107:H107"/>
    <mergeCell ref="I107:J107"/>
    <mergeCell ref="L107:M107"/>
    <mergeCell ref="O107:P107"/>
    <mergeCell ref="R107:T107"/>
    <mergeCell ref="B108:H108"/>
    <mergeCell ref="I108:K108"/>
    <mergeCell ref="O108:P108"/>
    <mergeCell ref="R108:S108"/>
    <mergeCell ref="R105:T105"/>
    <mergeCell ref="G106:H106"/>
    <mergeCell ref="I106:J106"/>
    <mergeCell ref="L106:M106"/>
    <mergeCell ref="O106:P106"/>
    <mergeCell ref="R106:T106"/>
    <mergeCell ref="E104:F106"/>
    <mergeCell ref="G104:H104"/>
    <mergeCell ref="I104:J104"/>
    <mergeCell ref="L104:M104"/>
    <mergeCell ref="O104:P104"/>
    <mergeCell ref="R104:T104"/>
    <mergeCell ref="G105:H105"/>
    <mergeCell ref="I105:J105"/>
    <mergeCell ref="L105:M105"/>
    <mergeCell ref="O105:P105"/>
    <mergeCell ref="E102:H102"/>
    <mergeCell ref="I102:T102"/>
    <mergeCell ref="B103:H103"/>
    <mergeCell ref="I103:J103"/>
    <mergeCell ref="L103:M103"/>
    <mergeCell ref="O103:P103"/>
    <mergeCell ref="R103:T103"/>
    <mergeCell ref="S100:T100"/>
    <mergeCell ref="E101:F101"/>
    <mergeCell ref="G101:H101"/>
    <mergeCell ref="I101:J101"/>
    <mergeCell ref="K101:L101"/>
    <mergeCell ref="M101:N101"/>
    <mergeCell ref="O101:P101"/>
    <mergeCell ref="Q101:R101"/>
    <mergeCell ref="S101:T101"/>
    <mergeCell ref="A99:A108"/>
    <mergeCell ref="B99:T99"/>
    <mergeCell ref="B100:D102"/>
    <mergeCell ref="E100:F100"/>
    <mergeCell ref="G100:H100"/>
    <mergeCell ref="I100:J100"/>
    <mergeCell ref="K100:L100"/>
    <mergeCell ref="M100:N100"/>
    <mergeCell ref="O100:P100"/>
    <mergeCell ref="Q100:R100"/>
    <mergeCell ref="B97:H97"/>
    <mergeCell ref="I97:J97"/>
    <mergeCell ref="L97:M97"/>
    <mergeCell ref="O97:P97"/>
    <mergeCell ref="R97:T97"/>
    <mergeCell ref="B98:H98"/>
    <mergeCell ref="I98:K98"/>
    <mergeCell ref="O98:P98"/>
    <mergeCell ref="R98:S98"/>
    <mergeCell ref="R95:T95"/>
    <mergeCell ref="G96:H96"/>
    <mergeCell ref="I96:J96"/>
    <mergeCell ref="L96:M96"/>
    <mergeCell ref="O96:P96"/>
    <mergeCell ref="R96:T96"/>
    <mergeCell ref="E94:F96"/>
    <mergeCell ref="G94:H94"/>
    <mergeCell ref="I94:J94"/>
    <mergeCell ref="L94:M94"/>
    <mergeCell ref="O94:P94"/>
    <mergeCell ref="R94:T94"/>
    <mergeCell ref="G95:H95"/>
    <mergeCell ref="I95:J95"/>
    <mergeCell ref="L95:M95"/>
    <mergeCell ref="O95:P95"/>
    <mergeCell ref="E92:H92"/>
    <mergeCell ref="I92:T92"/>
    <mergeCell ref="B93:H93"/>
    <mergeCell ref="I93:J93"/>
    <mergeCell ref="L93:M93"/>
    <mergeCell ref="O93:P93"/>
    <mergeCell ref="R93:T93"/>
    <mergeCell ref="S90:T90"/>
    <mergeCell ref="E91:F91"/>
    <mergeCell ref="G91:H91"/>
    <mergeCell ref="I91:J91"/>
    <mergeCell ref="K91:L91"/>
    <mergeCell ref="M91:N91"/>
    <mergeCell ref="O91:P91"/>
    <mergeCell ref="Q91:R91"/>
    <mergeCell ref="S91:T91"/>
    <mergeCell ref="A89:A98"/>
    <mergeCell ref="B89:T89"/>
    <mergeCell ref="B90:D92"/>
    <mergeCell ref="E90:F90"/>
    <mergeCell ref="G90:H90"/>
    <mergeCell ref="I90:J90"/>
    <mergeCell ref="K90:L90"/>
    <mergeCell ref="M90:N90"/>
    <mergeCell ref="O90:P90"/>
    <mergeCell ref="Q90:R90"/>
    <mergeCell ref="B87:H87"/>
    <mergeCell ref="I87:J87"/>
    <mergeCell ref="L87:M87"/>
    <mergeCell ref="O87:P87"/>
    <mergeCell ref="R87:T87"/>
    <mergeCell ref="B88:H88"/>
    <mergeCell ref="I88:K88"/>
    <mergeCell ref="O88:P88"/>
    <mergeCell ref="R88:S88"/>
    <mergeCell ref="R85:T85"/>
    <mergeCell ref="G86:H86"/>
    <mergeCell ref="I86:J86"/>
    <mergeCell ref="L86:M86"/>
    <mergeCell ref="O86:P86"/>
    <mergeCell ref="R86:T86"/>
    <mergeCell ref="E84:F86"/>
    <mergeCell ref="G84:H84"/>
    <mergeCell ref="I84:J84"/>
    <mergeCell ref="L84:M84"/>
    <mergeCell ref="O84:P84"/>
    <mergeCell ref="R84:T84"/>
    <mergeCell ref="G85:H85"/>
    <mergeCell ref="I85:J85"/>
    <mergeCell ref="L85:M85"/>
    <mergeCell ref="O85:P85"/>
    <mergeCell ref="E82:H82"/>
    <mergeCell ref="I82:T82"/>
    <mergeCell ref="B83:H83"/>
    <mergeCell ref="I83:J83"/>
    <mergeCell ref="L83:M83"/>
    <mergeCell ref="O83:P83"/>
    <mergeCell ref="R83:T83"/>
    <mergeCell ref="S80:T80"/>
    <mergeCell ref="E81:F81"/>
    <mergeCell ref="G81:H81"/>
    <mergeCell ref="I81:J81"/>
    <mergeCell ref="K81:L81"/>
    <mergeCell ref="M81:N81"/>
    <mergeCell ref="O81:P81"/>
    <mergeCell ref="Q81:R81"/>
    <mergeCell ref="S81:T81"/>
    <mergeCell ref="A79:A88"/>
    <mergeCell ref="B79:T79"/>
    <mergeCell ref="B80:D82"/>
    <mergeCell ref="E80:F80"/>
    <mergeCell ref="G80:H80"/>
    <mergeCell ref="I80:J80"/>
    <mergeCell ref="K80:L80"/>
    <mergeCell ref="M80:N80"/>
    <mergeCell ref="O80:P80"/>
    <mergeCell ref="Q80:R80"/>
    <mergeCell ref="Q75:T75"/>
    <mergeCell ref="E76:F76"/>
    <mergeCell ref="G76:T76"/>
    <mergeCell ref="A77:T77"/>
    <mergeCell ref="A78:H78"/>
    <mergeCell ref="I78:J78"/>
    <mergeCell ref="L78:Q78"/>
    <mergeCell ref="R78:S78"/>
    <mergeCell ref="K71:T71"/>
    <mergeCell ref="E72:G73"/>
    <mergeCell ref="I72:M73"/>
    <mergeCell ref="O72:T73"/>
    <mergeCell ref="E74:T74"/>
    <mergeCell ref="B75:D76"/>
    <mergeCell ref="E75:F75"/>
    <mergeCell ref="G75:K75"/>
    <mergeCell ref="M75:N75"/>
    <mergeCell ref="O75:P75"/>
    <mergeCell ref="A66:D66"/>
    <mergeCell ref="E66:T66"/>
    <mergeCell ref="A68:T68"/>
    <mergeCell ref="A69:A76"/>
    <mergeCell ref="B69:D69"/>
    <mergeCell ref="E69:T69"/>
    <mergeCell ref="B70:D70"/>
    <mergeCell ref="E70:T70"/>
    <mergeCell ref="B71:D74"/>
    <mergeCell ref="E71:F71"/>
    <mergeCell ref="B64:H64"/>
    <mergeCell ref="I64:J64"/>
    <mergeCell ref="L64:M64"/>
    <mergeCell ref="O64:P64"/>
    <mergeCell ref="R64:T64"/>
    <mergeCell ref="B65:H65"/>
    <mergeCell ref="I65:K65"/>
    <mergeCell ref="O65:P65"/>
    <mergeCell ref="R65:S65"/>
    <mergeCell ref="R62:T62"/>
    <mergeCell ref="G63:H63"/>
    <mergeCell ref="I63:J63"/>
    <mergeCell ref="L63:M63"/>
    <mergeCell ref="O63:P63"/>
    <mergeCell ref="R63:T63"/>
    <mergeCell ref="E61:F63"/>
    <mergeCell ref="G61:H61"/>
    <mergeCell ref="I61:J61"/>
    <mergeCell ref="L61:M61"/>
    <mergeCell ref="O61:P61"/>
    <mergeCell ref="R61:T61"/>
    <mergeCell ref="G62:H62"/>
    <mergeCell ref="I62:J62"/>
    <mergeCell ref="L62:M62"/>
    <mergeCell ref="O62:P62"/>
    <mergeCell ref="S58:T58"/>
    <mergeCell ref="E59:H59"/>
    <mergeCell ref="I59:T59"/>
    <mergeCell ref="B60:H60"/>
    <mergeCell ref="I60:J60"/>
    <mergeCell ref="L60:M60"/>
    <mergeCell ref="O60:P60"/>
    <mergeCell ref="R60:T60"/>
    <mergeCell ref="O57:P57"/>
    <mergeCell ref="Q57:R57"/>
    <mergeCell ref="S57:T57"/>
    <mergeCell ref="E58:F58"/>
    <mergeCell ref="G58:H58"/>
    <mergeCell ref="I58:J58"/>
    <mergeCell ref="K58:L58"/>
    <mergeCell ref="M58:N58"/>
    <mergeCell ref="O58:P58"/>
    <mergeCell ref="Q58:R58"/>
    <mergeCell ref="O55:P55"/>
    <mergeCell ref="Q55:R55"/>
    <mergeCell ref="S55:T55"/>
    <mergeCell ref="B56:T56"/>
    <mergeCell ref="B57:D59"/>
    <mergeCell ref="E57:F57"/>
    <mergeCell ref="G57:H57"/>
    <mergeCell ref="I57:J57"/>
    <mergeCell ref="K57:L57"/>
    <mergeCell ref="M57:N57"/>
    <mergeCell ref="M54:N54"/>
    <mergeCell ref="O54:P54"/>
    <mergeCell ref="Q54:R54"/>
    <mergeCell ref="S54:T54"/>
    <mergeCell ref="C55:D55"/>
    <mergeCell ref="E55:F55"/>
    <mergeCell ref="G55:H55"/>
    <mergeCell ref="I55:J55"/>
    <mergeCell ref="K55:L55"/>
    <mergeCell ref="M55:N55"/>
    <mergeCell ref="K53:L53"/>
    <mergeCell ref="M53:N53"/>
    <mergeCell ref="O53:P53"/>
    <mergeCell ref="Q53:R53"/>
    <mergeCell ref="S53:T53"/>
    <mergeCell ref="C54:D54"/>
    <mergeCell ref="E54:F54"/>
    <mergeCell ref="G54:H54"/>
    <mergeCell ref="I54:J54"/>
    <mergeCell ref="K54:L54"/>
    <mergeCell ref="A51:A65"/>
    <mergeCell ref="B51:T51"/>
    <mergeCell ref="B52:D53"/>
    <mergeCell ref="E52:H52"/>
    <mergeCell ref="I52:L52"/>
    <mergeCell ref="M52:P52"/>
    <mergeCell ref="Q52:T52"/>
    <mergeCell ref="E53:F53"/>
    <mergeCell ref="G53:H53"/>
    <mergeCell ref="I53:J53"/>
    <mergeCell ref="B49:H49"/>
    <mergeCell ref="I49:J49"/>
    <mergeCell ref="L49:M49"/>
    <mergeCell ref="O49:P49"/>
    <mergeCell ref="R49:T49"/>
    <mergeCell ref="B50:H50"/>
    <mergeCell ref="I50:K50"/>
    <mergeCell ref="O50:P50"/>
    <mergeCell ref="R50:S50"/>
    <mergeCell ref="R47:T47"/>
    <mergeCell ref="G48:H48"/>
    <mergeCell ref="I48:J48"/>
    <mergeCell ref="L48:M48"/>
    <mergeCell ref="O48:P48"/>
    <mergeCell ref="R48:T48"/>
    <mergeCell ref="E46:F48"/>
    <mergeCell ref="G46:H46"/>
    <mergeCell ref="I46:J46"/>
    <mergeCell ref="L46:M46"/>
    <mergeCell ref="O46:P46"/>
    <mergeCell ref="R46:T46"/>
    <mergeCell ref="G47:H47"/>
    <mergeCell ref="I47:J47"/>
    <mergeCell ref="L47:M47"/>
    <mergeCell ref="O47:P47"/>
    <mergeCell ref="S43:T43"/>
    <mergeCell ref="E44:H44"/>
    <mergeCell ref="I44:T44"/>
    <mergeCell ref="B45:H45"/>
    <mergeCell ref="I45:J45"/>
    <mergeCell ref="L45:M45"/>
    <mergeCell ref="O45:P45"/>
    <mergeCell ref="R45:T45"/>
    <mergeCell ref="O42:P42"/>
    <mergeCell ref="Q42:R42"/>
    <mergeCell ref="S42:T42"/>
    <mergeCell ref="E43:F43"/>
    <mergeCell ref="G43:H43"/>
    <mergeCell ref="I43:J43"/>
    <mergeCell ref="K43:L43"/>
    <mergeCell ref="M43:N43"/>
    <mergeCell ref="O43:P43"/>
    <mergeCell ref="Q43:R43"/>
    <mergeCell ref="O40:P40"/>
    <mergeCell ref="Q40:R40"/>
    <mergeCell ref="S40:T40"/>
    <mergeCell ref="B41:T41"/>
    <mergeCell ref="B42:D44"/>
    <mergeCell ref="E42:F42"/>
    <mergeCell ref="G42:H42"/>
    <mergeCell ref="I42:J42"/>
    <mergeCell ref="K42:L42"/>
    <mergeCell ref="M42:N42"/>
    <mergeCell ref="M39:N39"/>
    <mergeCell ref="O39:P39"/>
    <mergeCell ref="Q39:R39"/>
    <mergeCell ref="S39:T39"/>
    <mergeCell ref="C40:D40"/>
    <mergeCell ref="E40:F40"/>
    <mergeCell ref="G40:H40"/>
    <mergeCell ref="I40:J40"/>
    <mergeCell ref="K40:L40"/>
    <mergeCell ref="M40:N40"/>
    <mergeCell ref="K38:L38"/>
    <mergeCell ref="M38:N38"/>
    <mergeCell ref="O38:P38"/>
    <mergeCell ref="Q38:R38"/>
    <mergeCell ref="S38:T38"/>
    <mergeCell ref="C39:D39"/>
    <mergeCell ref="E39:F39"/>
    <mergeCell ref="G39:H39"/>
    <mergeCell ref="I39:J39"/>
    <mergeCell ref="K39:L39"/>
    <mergeCell ref="A36:A50"/>
    <mergeCell ref="B36:T36"/>
    <mergeCell ref="B37:D38"/>
    <mergeCell ref="E37:H37"/>
    <mergeCell ref="I37:L37"/>
    <mergeCell ref="M37:P37"/>
    <mergeCell ref="Q37:T37"/>
    <mergeCell ref="E38:F38"/>
    <mergeCell ref="G38:H38"/>
    <mergeCell ref="I38:J38"/>
    <mergeCell ref="B34:H34"/>
    <mergeCell ref="I34:J34"/>
    <mergeCell ref="L34:M34"/>
    <mergeCell ref="O34:P34"/>
    <mergeCell ref="R34:T34"/>
    <mergeCell ref="B35:H35"/>
    <mergeCell ref="I35:K35"/>
    <mergeCell ref="O35:P35"/>
    <mergeCell ref="R35:S35"/>
    <mergeCell ref="R32:T32"/>
    <mergeCell ref="G33:H33"/>
    <mergeCell ref="I33:J33"/>
    <mergeCell ref="L33:M33"/>
    <mergeCell ref="O33:P33"/>
    <mergeCell ref="R33:T33"/>
    <mergeCell ref="E31:F33"/>
    <mergeCell ref="G31:H31"/>
    <mergeCell ref="I31:J31"/>
    <mergeCell ref="L31:M31"/>
    <mergeCell ref="O31:P31"/>
    <mergeCell ref="R31:T31"/>
    <mergeCell ref="G32:H32"/>
    <mergeCell ref="I32:J32"/>
    <mergeCell ref="L32:M32"/>
    <mergeCell ref="O32:P32"/>
    <mergeCell ref="S28:T28"/>
    <mergeCell ref="E29:H29"/>
    <mergeCell ref="I29:T29"/>
    <mergeCell ref="B30:H30"/>
    <mergeCell ref="I30:J30"/>
    <mergeCell ref="L30:M30"/>
    <mergeCell ref="O30:P30"/>
    <mergeCell ref="R30:T30"/>
    <mergeCell ref="O27:P27"/>
    <mergeCell ref="Q27:R27"/>
    <mergeCell ref="S27:T27"/>
    <mergeCell ref="E28:F28"/>
    <mergeCell ref="G28:H28"/>
    <mergeCell ref="I28:J28"/>
    <mergeCell ref="K28:L28"/>
    <mergeCell ref="M28:N28"/>
    <mergeCell ref="O28:P28"/>
    <mergeCell ref="Q28:R28"/>
    <mergeCell ref="O25:P25"/>
    <mergeCell ref="Q25:R25"/>
    <mergeCell ref="S25:T25"/>
    <mergeCell ref="B26:T26"/>
    <mergeCell ref="B27:D29"/>
    <mergeCell ref="E27:F27"/>
    <mergeCell ref="G27:H27"/>
    <mergeCell ref="I27:J27"/>
    <mergeCell ref="K27:L27"/>
    <mergeCell ref="M27:N27"/>
    <mergeCell ref="M24:N24"/>
    <mergeCell ref="O24:P24"/>
    <mergeCell ref="Q24:R24"/>
    <mergeCell ref="S24:T24"/>
    <mergeCell ref="C25:D25"/>
    <mergeCell ref="E25:F25"/>
    <mergeCell ref="G25:H25"/>
    <mergeCell ref="I25:J25"/>
    <mergeCell ref="K25:L25"/>
    <mergeCell ref="M25:N25"/>
    <mergeCell ref="K23:L23"/>
    <mergeCell ref="M23:N23"/>
    <mergeCell ref="O23:P23"/>
    <mergeCell ref="Q23:R23"/>
    <mergeCell ref="S23:T23"/>
    <mergeCell ref="C24:D24"/>
    <mergeCell ref="E24:F24"/>
    <mergeCell ref="G24:H24"/>
    <mergeCell ref="I24:J24"/>
    <mergeCell ref="K24:L24"/>
    <mergeCell ref="A21:A35"/>
    <mergeCell ref="B21:T21"/>
    <mergeCell ref="B22:D23"/>
    <mergeCell ref="E22:H22"/>
    <mergeCell ref="I22:L22"/>
    <mergeCell ref="M22:P22"/>
    <mergeCell ref="Q22:T22"/>
    <mergeCell ref="E23:F23"/>
    <mergeCell ref="G23:H23"/>
    <mergeCell ref="I23:J23"/>
    <mergeCell ref="A18:J18"/>
    <mergeCell ref="K18:T18"/>
    <mergeCell ref="A19:T19"/>
    <mergeCell ref="A20:H20"/>
    <mergeCell ref="I20:J20"/>
    <mergeCell ref="L20:Q20"/>
    <mergeCell ref="R20:S20"/>
    <mergeCell ref="E13:J13"/>
    <mergeCell ref="B14:F14"/>
    <mergeCell ref="G14:T14"/>
    <mergeCell ref="B15:D17"/>
    <mergeCell ref="E15:F15"/>
    <mergeCell ref="G15:Q15"/>
    <mergeCell ref="S15:T15"/>
    <mergeCell ref="E16:F17"/>
    <mergeCell ref="G16:T16"/>
    <mergeCell ref="G17:T17"/>
    <mergeCell ref="A11:A17"/>
    <mergeCell ref="B11:D11"/>
    <mergeCell ref="E11:J11"/>
    <mergeCell ref="K11:M13"/>
    <mergeCell ref="N11:O11"/>
    <mergeCell ref="S11:T11"/>
    <mergeCell ref="B12:D12"/>
    <mergeCell ref="E12:J12"/>
    <mergeCell ref="N12:T13"/>
    <mergeCell ref="B13:D13"/>
    <mergeCell ref="B9:D10"/>
    <mergeCell ref="E9:F9"/>
    <mergeCell ref="G9:K9"/>
    <mergeCell ref="M9:N9"/>
    <mergeCell ref="O9:P9"/>
    <mergeCell ref="Q9:T9"/>
    <mergeCell ref="E10:F10"/>
    <mergeCell ref="G10:T10"/>
    <mergeCell ref="K5:T5"/>
    <mergeCell ref="E6:G7"/>
    <mergeCell ref="I6:M7"/>
    <mergeCell ref="O6:T7"/>
    <mergeCell ref="U6:U7"/>
    <mergeCell ref="E8:T8"/>
    <mergeCell ref="A1:T1"/>
    <mergeCell ref="A2:A10"/>
    <mergeCell ref="B2:D2"/>
    <mergeCell ref="E2:T2"/>
    <mergeCell ref="B3:D3"/>
    <mergeCell ref="E3:T3"/>
    <mergeCell ref="B4:D4"/>
    <mergeCell ref="E4:T4"/>
    <mergeCell ref="B5:D8"/>
    <mergeCell ref="E5:F5"/>
  </mergeCells>
  <phoneticPr fontId="3"/>
  <dataValidations count="1">
    <dataValidation type="list" allowBlank="1" showInputMessage="1" showErrorMessage="1" sqref="E28:T28 E91:T91 E43:T43 E58:T58 E81:T81 E101:T101" xr:uid="{87087FB0-E106-43B0-8C1F-E03CE40F06EB}">
      <formula1>"〇"</formula1>
    </dataValidation>
  </dataValidations>
  <printOptions horizontalCentered="1"/>
  <pageMargins left="0.70866141732283472" right="0.70866141732283472" top="0.74803149606299213" bottom="0.74803149606299213" header="0.31496062992125984" footer="0.31496062992125984"/>
  <pageSetup paperSize="9" scale="38" orientation="portrait" r:id="rId1"/>
  <headerFooter alignWithMargins="0"/>
  <rowBreaks count="1" manualBreakCount="1">
    <brk id="67"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sizeWithCells="1">
                  <from>
                    <xdr:col>11</xdr:col>
                    <xdr:colOff>47625</xdr:colOff>
                    <xdr:row>17</xdr:row>
                    <xdr:rowOff>0</xdr:rowOff>
                  </from>
                  <to>
                    <xdr:col>12</xdr:col>
                    <xdr:colOff>238125</xdr:colOff>
                    <xdr:row>18</xdr:row>
                    <xdr:rowOff>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sizeWithCells="1">
                  <from>
                    <xdr:col>13</xdr:col>
                    <xdr:colOff>57150</xdr:colOff>
                    <xdr:row>17</xdr:row>
                    <xdr:rowOff>0</xdr:rowOff>
                  </from>
                  <to>
                    <xdr:col>14</xdr:col>
                    <xdr:colOff>228600</xdr:colOff>
                    <xdr:row>18</xdr:row>
                    <xdr:rowOff>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3D29E5-C3E4-4E1D-B290-92BAA364F09D}">
  <sheetPr>
    <pageSetUpPr fitToPage="1"/>
  </sheetPr>
  <dimension ref="A1:T92"/>
  <sheetViews>
    <sheetView view="pageBreakPreview" zoomScaleNormal="100" zoomScaleSheetLayoutView="100" workbookViewId="0">
      <selection activeCell="A2" sqref="A2:AK80"/>
    </sheetView>
  </sheetViews>
  <sheetFormatPr defaultColWidth="8.75" defaultRowHeight="16.5"/>
  <cols>
    <col min="1" max="1" width="5.625" style="171" customWidth="1"/>
    <col min="2" max="2" width="7.375" style="171" customWidth="1"/>
    <col min="3" max="3" width="6" style="171" customWidth="1"/>
    <col min="4" max="4" width="6.125" style="171" customWidth="1"/>
    <col min="5" max="7" width="7.375" style="171" customWidth="1"/>
    <col min="8" max="20" width="6.625" style="171" customWidth="1"/>
    <col min="21" max="16384" width="8.75" style="171"/>
  </cols>
  <sheetData>
    <row r="1" spans="1:20" ht="36.75" customHeight="1">
      <c r="A1" s="612" t="s">
        <v>150</v>
      </c>
      <c r="B1" s="612"/>
      <c r="C1" s="612"/>
      <c r="D1" s="612"/>
      <c r="E1" s="612"/>
      <c r="F1" s="612"/>
      <c r="G1" s="612"/>
      <c r="H1" s="612"/>
      <c r="I1" s="612"/>
      <c r="J1" s="612"/>
      <c r="K1" s="612"/>
      <c r="L1" s="612"/>
      <c r="M1" s="612"/>
      <c r="N1" s="612"/>
      <c r="O1" s="612"/>
      <c r="P1" s="612"/>
      <c r="Q1" s="612"/>
      <c r="R1" s="612"/>
      <c r="S1" s="613"/>
      <c r="T1" s="613"/>
    </row>
    <row r="2" spans="1:20" s="618" customFormat="1" ht="15" customHeight="1" thickBot="1">
      <c r="A2" s="614" t="s">
        <v>151</v>
      </c>
      <c r="B2" s="615"/>
      <c r="C2" s="615"/>
      <c r="D2" s="615"/>
      <c r="E2" s="615"/>
      <c r="F2" s="615"/>
      <c r="G2" s="615"/>
      <c r="H2" s="615"/>
      <c r="I2" s="615"/>
      <c r="J2" s="615"/>
      <c r="K2" s="615"/>
      <c r="L2" s="616"/>
      <c r="M2" s="616"/>
      <c r="N2" s="616"/>
      <c r="O2" s="616"/>
      <c r="P2" s="616"/>
      <c r="Q2" s="616"/>
      <c r="R2" s="616"/>
      <c r="S2" s="617"/>
      <c r="T2" s="617"/>
    </row>
    <row r="3" spans="1:20" s="618" customFormat="1" ht="15" customHeight="1">
      <c r="A3" s="619" t="s">
        <v>152</v>
      </c>
      <c r="B3" s="620" t="s">
        <v>112</v>
      </c>
      <c r="C3" s="620"/>
      <c r="D3" s="620"/>
      <c r="E3" s="620"/>
      <c r="F3" s="620"/>
      <c r="G3" s="620"/>
      <c r="H3" s="620"/>
      <c r="I3" s="620"/>
      <c r="J3" s="620"/>
      <c r="K3" s="620"/>
      <c r="L3" s="620"/>
      <c r="M3" s="620"/>
      <c r="N3" s="620"/>
      <c r="O3" s="620"/>
      <c r="P3" s="620"/>
      <c r="Q3" s="620"/>
      <c r="R3" s="620"/>
      <c r="S3" s="620"/>
      <c r="T3" s="621"/>
    </row>
    <row r="4" spans="1:20" s="618" customFormat="1" ht="15" customHeight="1">
      <c r="A4" s="622"/>
      <c r="B4" s="623" t="s">
        <v>33</v>
      </c>
      <c r="C4" s="227"/>
      <c r="D4" s="624"/>
      <c r="E4" s="625" t="s">
        <v>113</v>
      </c>
      <c r="F4" s="227"/>
      <c r="G4" s="227"/>
      <c r="H4" s="626"/>
      <c r="I4" s="623" t="s">
        <v>114</v>
      </c>
      <c r="J4" s="227"/>
      <c r="K4" s="227"/>
      <c r="L4" s="624"/>
      <c r="M4" s="627" t="s">
        <v>115</v>
      </c>
      <c r="N4" s="628"/>
      <c r="O4" s="628"/>
      <c r="P4" s="629"/>
      <c r="Q4" s="627" t="s">
        <v>116</v>
      </c>
      <c r="R4" s="628"/>
      <c r="S4" s="628"/>
      <c r="T4" s="630"/>
    </row>
    <row r="5" spans="1:20" s="618" customFormat="1" ht="15" customHeight="1">
      <c r="A5" s="622"/>
      <c r="B5" s="631"/>
      <c r="C5" s="181"/>
      <c r="D5" s="632"/>
      <c r="E5" s="627" t="s">
        <v>41</v>
      </c>
      <c r="F5" s="629"/>
      <c r="G5" s="627" t="s">
        <v>42</v>
      </c>
      <c r="H5" s="629"/>
      <c r="I5" s="627" t="s">
        <v>41</v>
      </c>
      <c r="J5" s="629"/>
      <c r="K5" s="627" t="s">
        <v>42</v>
      </c>
      <c r="L5" s="629"/>
      <c r="M5" s="627" t="s">
        <v>41</v>
      </c>
      <c r="N5" s="629"/>
      <c r="O5" s="627" t="s">
        <v>42</v>
      </c>
      <c r="P5" s="629"/>
      <c r="Q5" s="628" t="s">
        <v>41</v>
      </c>
      <c r="R5" s="629"/>
      <c r="S5" s="627" t="s">
        <v>42</v>
      </c>
      <c r="T5" s="630"/>
    </row>
    <row r="6" spans="1:20" s="618" customFormat="1" ht="15" customHeight="1">
      <c r="A6" s="622"/>
      <c r="B6" s="633"/>
      <c r="C6" s="627" t="s">
        <v>117</v>
      </c>
      <c r="D6" s="629"/>
      <c r="E6" s="627"/>
      <c r="F6" s="629"/>
      <c r="G6" s="627"/>
      <c r="H6" s="629"/>
      <c r="I6" s="627"/>
      <c r="J6" s="629"/>
      <c r="K6" s="627"/>
      <c r="L6" s="629"/>
      <c r="M6" s="627"/>
      <c r="N6" s="629"/>
      <c r="O6" s="627"/>
      <c r="P6" s="629"/>
      <c r="Q6" s="628"/>
      <c r="R6" s="629"/>
      <c r="S6" s="627"/>
      <c r="T6" s="630"/>
    </row>
    <row r="7" spans="1:20" s="618" customFormat="1" ht="15" customHeight="1">
      <c r="A7" s="622"/>
      <c r="B7" s="634"/>
      <c r="C7" s="627" t="s">
        <v>118</v>
      </c>
      <c r="D7" s="629"/>
      <c r="E7" s="627"/>
      <c r="F7" s="629"/>
      <c r="G7" s="627"/>
      <c r="H7" s="629"/>
      <c r="I7" s="627"/>
      <c r="J7" s="629"/>
      <c r="K7" s="627"/>
      <c r="L7" s="629"/>
      <c r="M7" s="627"/>
      <c r="N7" s="629"/>
      <c r="O7" s="627"/>
      <c r="P7" s="629"/>
      <c r="Q7" s="628"/>
      <c r="R7" s="629"/>
      <c r="S7" s="627"/>
      <c r="T7" s="630"/>
    </row>
    <row r="8" spans="1:20" s="618" customFormat="1" ht="15" customHeight="1">
      <c r="A8" s="622"/>
      <c r="B8" s="635" t="s">
        <v>106</v>
      </c>
      <c r="C8" s="636"/>
      <c r="D8" s="636"/>
      <c r="E8" s="636"/>
      <c r="F8" s="636"/>
      <c r="G8" s="636"/>
      <c r="H8" s="636"/>
      <c r="I8" s="636"/>
      <c r="J8" s="636"/>
      <c r="K8" s="636"/>
      <c r="L8" s="636"/>
      <c r="M8" s="636"/>
      <c r="N8" s="636"/>
      <c r="O8" s="636"/>
      <c r="P8" s="636"/>
      <c r="Q8" s="636"/>
      <c r="R8" s="636"/>
      <c r="S8" s="636"/>
      <c r="T8" s="637"/>
    </row>
    <row r="9" spans="1:20" s="618" customFormat="1" ht="16.350000000000001" customHeight="1">
      <c r="A9" s="622"/>
      <c r="B9" s="623" t="s">
        <v>119</v>
      </c>
      <c r="C9" s="227"/>
      <c r="D9" s="624"/>
      <c r="E9" s="638" t="s">
        <v>120</v>
      </c>
      <c r="F9" s="639"/>
      <c r="G9" s="640" t="s">
        <v>121</v>
      </c>
      <c r="H9" s="639"/>
      <c r="I9" s="640" t="s">
        <v>122</v>
      </c>
      <c r="J9" s="639"/>
      <c r="K9" s="640" t="s">
        <v>123</v>
      </c>
      <c r="L9" s="639"/>
      <c r="M9" s="640" t="s">
        <v>124</v>
      </c>
      <c r="N9" s="639"/>
      <c r="O9" s="640" t="s">
        <v>125</v>
      </c>
      <c r="P9" s="639"/>
      <c r="Q9" s="640" t="s">
        <v>126</v>
      </c>
      <c r="R9" s="639"/>
      <c r="S9" s="640" t="s">
        <v>127</v>
      </c>
      <c r="T9" s="641"/>
    </row>
    <row r="10" spans="1:20" s="618" customFormat="1" ht="15.6" customHeight="1">
      <c r="A10" s="622"/>
      <c r="B10" s="631"/>
      <c r="C10" s="181"/>
      <c r="D10" s="632"/>
      <c r="E10" s="642"/>
      <c r="F10" s="643"/>
      <c r="G10" s="642"/>
      <c r="H10" s="643"/>
      <c r="I10" s="642"/>
      <c r="J10" s="643"/>
      <c r="K10" s="642"/>
      <c r="L10" s="643"/>
      <c r="M10" s="642"/>
      <c r="N10" s="643"/>
      <c r="O10" s="642"/>
      <c r="P10" s="643"/>
      <c r="Q10" s="642"/>
      <c r="R10" s="643"/>
      <c r="S10" s="644"/>
      <c r="T10" s="645"/>
    </row>
    <row r="11" spans="1:20" s="618" customFormat="1" ht="15.6" customHeight="1">
      <c r="A11" s="622"/>
      <c r="B11" s="646"/>
      <c r="C11" s="194"/>
      <c r="D11" s="647"/>
      <c r="E11" s="648" t="s">
        <v>128</v>
      </c>
      <c r="F11" s="649"/>
      <c r="G11" s="649"/>
      <c r="H11" s="650"/>
      <c r="I11" s="651"/>
      <c r="J11" s="652"/>
      <c r="K11" s="652"/>
      <c r="L11" s="652"/>
      <c r="M11" s="652"/>
      <c r="N11" s="652"/>
      <c r="O11" s="652"/>
      <c r="P11" s="652"/>
      <c r="Q11" s="652"/>
      <c r="R11" s="652"/>
      <c r="S11" s="652"/>
      <c r="T11" s="653"/>
    </row>
    <row r="12" spans="1:20" s="618" customFormat="1" ht="15.95" customHeight="1">
      <c r="A12" s="622"/>
      <c r="B12" s="654" t="s">
        <v>129</v>
      </c>
      <c r="C12" s="655"/>
      <c r="D12" s="655"/>
      <c r="E12" s="656"/>
      <c r="F12" s="656"/>
      <c r="G12" s="656"/>
      <c r="H12" s="657"/>
      <c r="I12" s="658"/>
      <c r="J12" s="659"/>
      <c r="K12" s="660" t="s">
        <v>130</v>
      </c>
      <c r="L12" s="659"/>
      <c r="M12" s="659"/>
      <c r="N12" s="661" t="s">
        <v>131</v>
      </c>
      <c r="O12" s="659"/>
      <c r="P12" s="659"/>
      <c r="Q12" s="660" t="s">
        <v>130</v>
      </c>
      <c r="R12" s="236"/>
      <c r="S12" s="236"/>
      <c r="T12" s="240"/>
    </row>
    <row r="13" spans="1:20" s="618" customFormat="1" ht="15.95" customHeight="1">
      <c r="A13" s="622"/>
      <c r="B13" s="662"/>
      <c r="C13" s="249"/>
      <c r="D13" s="249"/>
      <c r="E13" s="663" t="s">
        <v>132</v>
      </c>
      <c r="F13" s="202"/>
      <c r="G13" s="233" t="s">
        <v>133</v>
      </c>
      <c r="H13" s="234"/>
      <c r="I13" s="658"/>
      <c r="J13" s="659"/>
      <c r="K13" s="660" t="s">
        <v>130</v>
      </c>
      <c r="L13" s="659"/>
      <c r="M13" s="659"/>
      <c r="N13" s="661" t="s">
        <v>131</v>
      </c>
      <c r="O13" s="659"/>
      <c r="P13" s="659"/>
      <c r="Q13" s="660" t="s">
        <v>130</v>
      </c>
      <c r="R13" s="236"/>
      <c r="S13" s="236"/>
      <c r="T13" s="240"/>
    </row>
    <row r="14" spans="1:20" s="618" customFormat="1" ht="15.95" customHeight="1">
      <c r="A14" s="622"/>
      <c r="B14" s="662"/>
      <c r="C14" s="249"/>
      <c r="D14" s="249"/>
      <c r="E14" s="631"/>
      <c r="F14" s="182"/>
      <c r="G14" s="233" t="s">
        <v>134</v>
      </c>
      <c r="H14" s="234"/>
      <c r="I14" s="658"/>
      <c r="J14" s="659"/>
      <c r="K14" s="660" t="s">
        <v>130</v>
      </c>
      <c r="L14" s="659"/>
      <c r="M14" s="659"/>
      <c r="N14" s="661" t="s">
        <v>131</v>
      </c>
      <c r="O14" s="659"/>
      <c r="P14" s="659"/>
      <c r="Q14" s="660" t="s">
        <v>130</v>
      </c>
      <c r="R14" s="236"/>
      <c r="S14" s="236"/>
      <c r="T14" s="240"/>
    </row>
    <row r="15" spans="1:20" s="618" customFormat="1" ht="15.95" customHeight="1">
      <c r="A15" s="622"/>
      <c r="B15" s="664"/>
      <c r="C15" s="665"/>
      <c r="D15" s="665"/>
      <c r="E15" s="646"/>
      <c r="F15" s="195"/>
      <c r="G15" s="233" t="s">
        <v>135</v>
      </c>
      <c r="H15" s="234"/>
      <c r="I15" s="658"/>
      <c r="J15" s="659"/>
      <c r="K15" s="660" t="s">
        <v>130</v>
      </c>
      <c r="L15" s="659"/>
      <c r="M15" s="659"/>
      <c r="N15" s="661" t="s">
        <v>131</v>
      </c>
      <c r="O15" s="659"/>
      <c r="P15" s="659"/>
      <c r="Q15" s="660" t="s">
        <v>130</v>
      </c>
      <c r="R15" s="236"/>
      <c r="S15" s="236"/>
      <c r="T15" s="240"/>
    </row>
    <row r="16" spans="1:20" s="618" customFormat="1" ht="16.350000000000001" customHeight="1">
      <c r="A16" s="622"/>
      <c r="B16" s="666" t="s">
        <v>136</v>
      </c>
      <c r="C16" s="667"/>
      <c r="D16" s="667"/>
      <c r="E16" s="667"/>
      <c r="F16" s="667"/>
      <c r="G16" s="667"/>
      <c r="H16" s="668"/>
      <c r="I16" s="658"/>
      <c r="J16" s="659"/>
      <c r="K16" s="669" t="s">
        <v>130</v>
      </c>
      <c r="L16" s="659"/>
      <c r="M16" s="659"/>
      <c r="N16" s="670" t="s">
        <v>131</v>
      </c>
      <c r="O16" s="659"/>
      <c r="P16" s="659"/>
      <c r="Q16" s="669" t="s">
        <v>130</v>
      </c>
      <c r="R16" s="236"/>
      <c r="S16" s="236"/>
      <c r="T16" s="240"/>
    </row>
    <row r="17" spans="1:20" s="618" customFormat="1" ht="16.350000000000001" customHeight="1" thickBot="1">
      <c r="A17" s="671"/>
      <c r="B17" s="243" t="s">
        <v>137</v>
      </c>
      <c r="C17" s="672"/>
      <c r="D17" s="672"/>
      <c r="E17" s="672"/>
      <c r="F17" s="672"/>
      <c r="G17" s="672"/>
      <c r="H17" s="244"/>
      <c r="I17" s="673"/>
      <c r="J17" s="674"/>
      <c r="K17" s="674"/>
      <c r="L17" s="675" t="s">
        <v>138</v>
      </c>
      <c r="M17" s="676"/>
      <c r="N17" s="676"/>
      <c r="O17" s="672"/>
      <c r="P17" s="672"/>
      <c r="Q17" s="677"/>
      <c r="R17" s="678"/>
      <c r="S17" s="678"/>
      <c r="T17" s="679"/>
    </row>
    <row r="18" spans="1:20" s="618" customFormat="1" ht="15" customHeight="1">
      <c r="A18" s="619" t="s">
        <v>153</v>
      </c>
      <c r="B18" s="680" t="s">
        <v>112</v>
      </c>
      <c r="C18" s="620"/>
      <c r="D18" s="620"/>
      <c r="E18" s="620"/>
      <c r="F18" s="620"/>
      <c r="G18" s="620"/>
      <c r="H18" s="620"/>
      <c r="I18" s="620"/>
      <c r="J18" s="620"/>
      <c r="K18" s="620"/>
      <c r="L18" s="620"/>
      <c r="M18" s="620"/>
      <c r="N18" s="620"/>
      <c r="O18" s="620"/>
      <c r="P18" s="620"/>
      <c r="Q18" s="620"/>
      <c r="R18" s="620"/>
      <c r="S18" s="620"/>
      <c r="T18" s="621"/>
    </row>
    <row r="19" spans="1:20" s="618" customFormat="1" ht="15" customHeight="1">
      <c r="A19" s="622"/>
      <c r="B19" s="623" t="s">
        <v>33</v>
      </c>
      <c r="C19" s="227"/>
      <c r="D19" s="624"/>
      <c r="E19" s="625" t="s">
        <v>113</v>
      </c>
      <c r="F19" s="227"/>
      <c r="G19" s="227"/>
      <c r="H19" s="626"/>
      <c r="I19" s="623" t="s">
        <v>114</v>
      </c>
      <c r="J19" s="227"/>
      <c r="K19" s="227"/>
      <c r="L19" s="624"/>
      <c r="M19" s="627" t="s">
        <v>115</v>
      </c>
      <c r="N19" s="628"/>
      <c r="O19" s="628"/>
      <c r="P19" s="629"/>
      <c r="Q19" s="627" t="s">
        <v>116</v>
      </c>
      <c r="R19" s="628"/>
      <c r="S19" s="628"/>
      <c r="T19" s="630"/>
    </row>
    <row r="20" spans="1:20" s="618" customFormat="1" ht="15" customHeight="1">
      <c r="A20" s="622"/>
      <c r="B20" s="631"/>
      <c r="C20" s="181"/>
      <c r="D20" s="632"/>
      <c r="E20" s="627" t="s">
        <v>41</v>
      </c>
      <c r="F20" s="629"/>
      <c r="G20" s="627" t="s">
        <v>42</v>
      </c>
      <c r="H20" s="629"/>
      <c r="I20" s="627" t="s">
        <v>41</v>
      </c>
      <c r="J20" s="629"/>
      <c r="K20" s="627" t="s">
        <v>42</v>
      </c>
      <c r="L20" s="629"/>
      <c r="M20" s="627" t="s">
        <v>41</v>
      </c>
      <c r="N20" s="629"/>
      <c r="O20" s="627" t="s">
        <v>42</v>
      </c>
      <c r="P20" s="629"/>
      <c r="Q20" s="628" t="s">
        <v>41</v>
      </c>
      <c r="R20" s="629"/>
      <c r="S20" s="627" t="s">
        <v>42</v>
      </c>
      <c r="T20" s="630"/>
    </row>
    <row r="21" spans="1:20" s="618" customFormat="1" ht="15" customHeight="1">
      <c r="A21" s="622"/>
      <c r="B21" s="633"/>
      <c r="C21" s="627" t="s">
        <v>117</v>
      </c>
      <c r="D21" s="629"/>
      <c r="E21" s="627"/>
      <c r="F21" s="629"/>
      <c r="G21" s="627"/>
      <c r="H21" s="629"/>
      <c r="I21" s="627"/>
      <c r="J21" s="629"/>
      <c r="K21" s="627"/>
      <c r="L21" s="629"/>
      <c r="M21" s="627"/>
      <c r="N21" s="629"/>
      <c r="O21" s="627"/>
      <c r="P21" s="629"/>
      <c r="Q21" s="628"/>
      <c r="R21" s="629"/>
      <c r="S21" s="627"/>
      <c r="T21" s="630"/>
    </row>
    <row r="22" spans="1:20" s="618" customFormat="1" ht="15" customHeight="1">
      <c r="A22" s="622"/>
      <c r="B22" s="634"/>
      <c r="C22" s="627" t="s">
        <v>118</v>
      </c>
      <c r="D22" s="629"/>
      <c r="E22" s="627"/>
      <c r="F22" s="629"/>
      <c r="G22" s="627"/>
      <c r="H22" s="629"/>
      <c r="I22" s="627"/>
      <c r="J22" s="629"/>
      <c r="K22" s="627"/>
      <c r="L22" s="629"/>
      <c r="M22" s="627"/>
      <c r="N22" s="629"/>
      <c r="O22" s="627"/>
      <c r="P22" s="629"/>
      <c r="Q22" s="628"/>
      <c r="R22" s="629"/>
      <c r="S22" s="627"/>
      <c r="T22" s="630"/>
    </row>
    <row r="23" spans="1:20" s="618" customFormat="1" ht="15" customHeight="1">
      <c r="A23" s="622"/>
      <c r="B23" s="635" t="s">
        <v>106</v>
      </c>
      <c r="C23" s="636"/>
      <c r="D23" s="636"/>
      <c r="E23" s="636"/>
      <c r="F23" s="636"/>
      <c r="G23" s="636"/>
      <c r="H23" s="636"/>
      <c r="I23" s="636"/>
      <c r="J23" s="636"/>
      <c r="K23" s="636"/>
      <c r="L23" s="636"/>
      <c r="M23" s="636"/>
      <c r="N23" s="636"/>
      <c r="O23" s="636"/>
      <c r="P23" s="636"/>
      <c r="Q23" s="636"/>
      <c r="R23" s="636"/>
      <c r="S23" s="636"/>
      <c r="T23" s="637"/>
    </row>
    <row r="24" spans="1:20" s="618" customFormat="1" ht="16.350000000000001" customHeight="1">
      <c r="A24" s="622"/>
      <c r="B24" s="623" t="s">
        <v>119</v>
      </c>
      <c r="C24" s="227"/>
      <c r="D24" s="624"/>
      <c r="E24" s="638" t="s">
        <v>120</v>
      </c>
      <c r="F24" s="639"/>
      <c r="G24" s="640" t="s">
        <v>121</v>
      </c>
      <c r="H24" s="639"/>
      <c r="I24" s="640" t="s">
        <v>122</v>
      </c>
      <c r="J24" s="639"/>
      <c r="K24" s="640" t="s">
        <v>123</v>
      </c>
      <c r="L24" s="639"/>
      <c r="M24" s="640" t="s">
        <v>124</v>
      </c>
      <c r="N24" s="639"/>
      <c r="O24" s="640" t="s">
        <v>125</v>
      </c>
      <c r="P24" s="639"/>
      <c r="Q24" s="640" t="s">
        <v>126</v>
      </c>
      <c r="R24" s="639"/>
      <c r="S24" s="640" t="s">
        <v>127</v>
      </c>
      <c r="T24" s="641"/>
    </row>
    <row r="25" spans="1:20" s="618" customFormat="1" ht="15.6" customHeight="1">
      <c r="A25" s="622"/>
      <c r="B25" s="631"/>
      <c r="C25" s="181"/>
      <c r="D25" s="632"/>
      <c r="E25" s="642"/>
      <c r="F25" s="643"/>
      <c r="G25" s="642"/>
      <c r="H25" s="643"/>
      <c r="I25" s="642"/>
      <c r="J25" s="643"/>
      <c r="K25" s="642"/>
      <c r="L25" s="643"/>
      <c r="M25" s="642"/>
      <c r="N25" s="643"/>
      <c r="O25" s="642"/>
      <c r="P25" s="643"/>
      <c r="Q25" s="642"/>
      <c r="R25" s="643"/>
      <c r="S25" s="644"/>
      <c r="T25" s="645"/>
    </row>
    <row r="26" spans="1:20" s="618" customFormat="1" ht="15.6" customHeight="1">
      <c r="A26" s="622"/>
      <c r="B26" s="646"/>
      <c r="C26" s="194"/>
      <c r="D26" s="647"/>
      <c r="E26" s="648" t="s">
        <v>128</v>
      </c>
      <c r="F26" s="649"/>
      <c r="G26" s="649"/>
      <c r="H26" s="650"/>
      <c r="I26" s="651"/>
      <c r="J26" s="652"/>
      <c r="K26" s="652"/>
      <c r="L26" s="652"/>
      <c r="M26" s="652"/>
      <c r="N26" s="652"/>
      <c r="O26" s="652"/>
      <c r="P26" s="652"/>
      <c r="Q26" s="652"/>
      <c r="R26" s="652"/>
      <c r="S26" s="652"/>
      <c r="T26" s="653"/>
    </row>
    <row r="27" spans="1:20" s="618" customFormat="1" ht="15.95" customHeight="1">
      <c r="A27" s="622"/>
      <c r="B27" s="654" t="s">
        <v>129</v>
      </c>
      <c r="C27" s="655"/>
      <c r="D27" s="655"/>
      <c r="E27" s="656"/>
      <c r="F27" s="656"/>
      <c r="G27" s="656"/>
      <c r="H27" s="657"/>
      <c r="I27" s="658"/>
      <c r="J27" s="659"/>
      <c r="K27" s="660" t="s">
        <v>130</v>
      </c>
      <c r="L27" s="659"/>
      <c r="M27" s="659"/>
      <c r="N27" s="661" t="s">
        <v>131</v>
      </c>
      <c r="O27" s="659"/>
      <c r="P27" s="659"/>
      <c r="Q27" s="660" t="s">
        <v>130</v>
      </c>
      <c r="R27" s="236"/>
      <c r="S27" s="236"/>
      <c r="T27" s="240"/>
    </row>
    <row r="28" spans="1:20" s="618" customFormat="1" ht="15.95" customHeight="1">
      <c r="A28" s="622"/>
      <c r="B28" s="662"/>
      <c r="C28" s="249"/>
      <c r="D28" s="249"/>
      <c r="E28" s="663" t="s">
        <v>132</v>
      </c>
      <c r="F28" s="202"/>
      <c r="G28" s="233" t="s">
        <v>133</v>
      </c>
      <c r="H28" s="234"/>
      <c r="I28" s="658"/>
      <c r="J28" s="659"/>
      <c r="K28" s="660" t="s">
        <v>130</v>
      </c>
      <c r="L28" s="659"/>
      <c r="M28" s="659"/>
      <c r="N28" s="661" t="s">
        <v>131</v>
      </c>
      <c r="O28" s="659"/>
      <c r="P28" s="659"/>
      <c r="Q28" s="660" t="s">
        <v>130</v>
      </c>
      <c r="R28" s="236"/>
      <c r="S28" s="236"/>
      <c r="T28" s="240"/>
    </row>
    <row r="29" spans="1:20" s="618" customFormat="1" ht="15.95" customHeight="1">
      <c r="A29" s="622"/>
      <c r="B29" s="662"/>
      <c r="C29" s="249"/>
      <c r="D29" s="249"/>
      <c r="E29" s="631"/>
      <c r="F29" s="182"/>
      <c r="G29" s="233" t="s">
        <v>134</v>
      </c>
      <c r="H29" s="234"/>
      <c r="I29" s="658"/>
      <c r="J29" s="659"/>
      <c r="K29" s="660" t="s">
        <v>130</v>
      </c>
      <c r="L29" s="659"/>
      <c r="M29" s="659"/>
      <c r="N29" s="661" t="s">
        <v>131</v>
      </c>
      <c r="O29" s="659"/>
      <c r="P29" s="659"/>
      <c r="Q29" s="660" t="s">
        <v>130</v>
      </c>
      <c r="R29" s="236"/>
      <c r="S29" s="236"/>
      <c r="T29" s="240"/>
    </row>
    <row r="30" spans="1:20" s="618" customFormat="1" ht="15.95" customHeight="1">
      <c r="A30" s="622"/>
      <c r="B30" s="664"/>
      <c r="C30" s="665"/>
      <c r="D30" s="665"/>
      <c r="E30" s="646"/>
      <c r="F30" s="195"/>
      <c r="G30" s="233" t="s">
        <v>135</v>
      </c>
      <c r="H30" s="234"/>
      <c r="I30" s="658"/>
      <c r="J30" s="659"/>
      <c r="K30" s="660" t="s">
        <v>130</v>
      </c>
      <c r="L30" s="659"/>
      <c r="M30" s="659"/>
      <c r="N30" s="661" t="s">
        <v>131</v>
      </c>
      <c r="O30" s="659"/>
      <c r="P30" s="659"/>
      <c r="Q30" s="660" t="s">
        <v>130</v>
      </c>
      <c r="R30" s="236"/>
      <c r="S30" s="236"/>
      <c r="T30" s="240"/>
    </row>
    <row r="31" spans="1:20" s="618" customFormat="1" ht="16.350000000000001" customHeight="1">
      <c r="A31" s="622"/>
      <c r="B31" s="666" t="s">
        <v>136</v>
      </c>
      <c r="C31" s="667"/>
      <c r="D31" s="667"/>
      <c r="E31" s="667"/>
      <c r="F31" s="667"/>
      <c r="G31" s="667"/>
      <c r="H31" s="668"/>
      <c r="I31" s="658"/>
      <c r="J31" s="659"/>
      <c r="K31" s="669" t="s">
        <v>130</v>
      </c>
      <c r="L31" s="659"/>
      <c r="M31" s="659"/>
      <c r="N31" s="670" t="s">
        <v>131</v>
      </c>
      <c r="O31" s="659"/>
      <c r="P31" s="659"/>
      <c r="Q31" s="669" t="s">
        <v>130</v>
      </c>
      <c r="R31" s="236"/>
      <c r="S31" s="236"/>
      <c r="T31" s="240"/>
    </row>
    <row r="32" spans="1:20" s="618" customFormat="1" ht="16.350000000000001" customHeight="1" thickBot="1">
      <c r="A32" s="622"/>
      <c r="B32" s="243" t="s">
        <v>137</v>
      </c>
      <c r="C32" s="672"/>
      <c r="D32" s="672"/>
      <c r="E32" s="672"/>
      <c r="F32" s="672"/>
      <c r="G32" s="672"/>
      <c r="H32" s="244"/>
      <c r="I32" s="673"/>
      <c r="J32" s="674"/>
      <c r="K32" s="674"/>
      <c r="L32" s="675" t="s">
        <v>138</v>
      </c>
      <c r="M32" s="676"/>
      <c r="N32" s="676"/>
      <c r="O32" s="672"/>
      <c r="P32" s="672"/>
      <c r="Q32" s="677"/>
      <c r="R32" s="678"/>
      <c r="S32" s="678"/>
      <c r="T32" s="679"/>
    </row>
    <row r="33" spans="1:20" s="618" customFormat="1" ht="15" customHeight="1">
      <c r="A33" s="619" t="s">
        <v>154</v>
      </c>
      <c r="B33" s="620" t="s">
        <v>112</v>
      </c>
      <c r="C33" s="620"/>
      <c r="D33" s="620"/>
      <c r="E33" s="620"/>
      <c r="F33" s="620"/>
      <c r="G33" s="620"/>
      <c r="H33" s="620"/>
      <c r="I33" s="620"/>
      <c r="J33" s="620"/>
      <c r="K33" s="620"/>
      <c r="L33" s="620"/>
      <c r="M33" s="620"/>
      <c r="N33" s="620"/>
      <c r="O33" s="620"/>
      <c r="P33" s="620"/>
      <c r="Q33" s="620"/>
      <c r="R33" s="620"/>
      <c r="S33" s="620"/>
      <c r="T33" s="621"/>
    </row>
    <row r="34" spans="1:20" s="618" customFormat="1" ht="15" customHeight="1">
      <c r="A34" s="622"/>
      <c r="B34" s="623" t="s">
        <v>33</v>
      </c>
      <c r="C34" s="227"/>
      <c r="D34" s="624"/>
      <c r="E34" s="625" t="s">
        <v>113</v>
      </c>
      <c r="F34" s="227"/>
      <c r="G34" s="227"/>
      <c r="H34" s="626"/>
      <c r="I34" s="623" t="s">
        <v>114</v>
      </c>
      <c r="J34" s="227"/>
      <c r="K34" s="227"/>
      <c r="L34" s="624"/>
      <c r="M34" s="627" t="s">
        <v>115</v>
      </c>
      <c r="N34" s="628"/>
      <c r="O34" s="628"/>
      <c r="P34" s="629"/>
      <c r="Q34" s="627" t="s">
        <v>116</v>
      </c>
      <c r="R34" s="628"/>
      <c r="S34" s="628"/>
      <c r="T34" s="630"/>
    </row>
    <row r="35" spans="1:20" s="618" customFormat="1" ht="15" customHeight="1">
      <c r="A35" s="622"/>
      <c r="B35" s="631"/>
      <c r="C35" s="181"/>
      <c r="D35" s="632"/>
      <c r="E35" s="627" t="s">
        <v>41</v>
      </c>
      <c r="F35" s="629"/>
      <c r="G35" s="627" t="s">
        <v>42</v>
      </c>
      <c r="H35" s="629"/>
      <c r="I35" s="627" t="s">
        <v>41</v>
      </c>
      <c r="J35" s="629"/>
      <c r="K35" s="627" t="s">
        <v>42</v>
      </c>
      <c r="L35" s="629"/>
      <c r="M35" s="627" t="s">
        <v>41</v>
      </c>
      <c r="N35" s="629"/>
      <c r="O35" s="627" t="s">
        <v>42</v>
      </c>
      <c r="P35" s="629"/>
      <c r="Q35" s="628" t="s">
        <v>41</v>
      </c>
      <c r="R35" s="629"/>
      <c r="S35" s="627" t="s">
        <v>42</v>
      </c>
      <c r="T35" s="630"/>
    </row>
    <row r="36" spans="1:20" s="618" customFormat="1" ht="15" customHeight="1">
      <c r="A36" s="622"/>
      <c r="B36" s="633"/>
      <c r="C36" s="627" t="s">
        <v>117</v>
      </c>
      <c r="D36" s="629"/>
      <c r="E36" s="627"/>
      <c r="F36" s="629"/>
      <c r="G36" s="627"/>
      <c r="H36" s="629"/>
      <c r="I36" s="627"/>
      <c r="J36" s="629"/>
      <c r="K36" s="627"/>
      <c r="L36" s="629"/>
      <c r="M36" s="627"/>
      <c r="N36" s="629"/>
      <c r="O36" s="627"/>
      <c r="P36" s="629"/>
      <c r="Q36" s="628"/>
      <c r="R36" s="629"/>
      <c r="S36" s="627"/>
      <c r="T36" s="630"/>
    </row>
    <row r="37" spans="1:20" s="618" customFormat="1" ht="15" customHeight="1">
      <c r="A37" s="622"/>
      <c r="B37" s="634"/>
      <c r="C37" s="627" t="s">
        <v>118</v>
      </c>
      <c r="D37" s="629"/>
      <c r="E37" s="627"/>
      <c r="F37" s="629"/>
      <c r="G37" s="627"/>
      <c r="H37" s="629"/>
      <c r="I37" s="627"/>
      <c r="J37" s="629"/>
      <c r="K37" s="627"/>
      <c r="L37" s="629"/>
      <c r="M37" s="627"/>
      <c r="N37" s="629"/>
      <c r="O37" s="627"/>
      <c r="P37" s="629"/>
      <c r="Q37" s="628"/>
      <c r="R37" s="629"/>
      <c r="S37" s="627"/>
      <c r="T37" s="630"/>
    </row>
    <row r="38" spans="1:20" s="618" customFormat="1" ht="15" customHeight="1">
      <c r="A38" s="622"/>
      <c r="B38" s="636" t="s">
        <v>106</v>
      </c>
      <c r="C38" s="636"/>
      <c r="D38" s="636"/>
      <c r="E38" s="636"/>
      <c r="F38" s="636"/>
      <c r="G38" s="636"/>
      <c r="H38" s="636"/>
      <c r="I38" s="636"/>
      <c r="J38" s="636"/>
      <c r="K38" s="636"/>
      <c r="L38" s="636"/>
      <c r="M38" s="636"/>
      <c r="N38" s="636"/>
      <c r="O38" s="636"/>
      <c r="P38" s="636"/>
      <c r="Q38" s="636"/>
      <c r="R38" s="636"/>
      <c r="S38" s="636"/>
      <c r="T38" s="637"/>
    </row>
    <row r="39" spans="1:20" s="618" customFormat="1" ht="16.350000000000001" customHeight="1">
      <c r="A39" s="622"/>
      <c r="B39" s="623" t="s">
        <v>119</v>
      </c>
      <c r="C39" s="227"/>
      <c r="D39" s="624"/>
      <c r="E39" s="638" t="s">
        <v>120</v>
      </c>
      <c r="F39" s="639"/>
      <c r="G39" s="640" t="s">
        <v>121</v>
      </c>
      <c r="H39" s="639"/>
      <c r="I39" s="640" t="s">
        <v>122</v>
      </c>
      <c r="J39" s="639"/>
      <c r="K39" s="640" t="s">
        <v>123</v>
      </c>
      <c r="L39" s="639"/>
      <c r="M39" s="640" t="s">
        <v>124</v>
      </c>
      <c r="N39" s="639"/>
      <c r="O39" s="640" t="s">
        <v>125</v>
      </c>
      <c r="P39" s="639"/>
      <c r="Q39" s="640" t="s">
        <v>126</v>
      </c>
      <c r="R39" s="639"/>
      <c r="S39" s="640" t="s">
        <v>127</v>
      </c>
      <c r="T39" s="641"/>
    </row>
    <row r="40" spans="1:20" s="618" customFormat="1" ht="15.6" customHeight="1">
      <c r="A40" s="622"/>
      <c r="B40" s="631"/>
      <c r="C40" s="181"/>
      <c r="D40" s="632"/>
      <c r="E40" s="642"/>
      <c r="F40" s="643"/>
      <c r="G40" s="642"/>
      <c r="H40" s="643"/>
      <c r="I40" s="642"/>
      <c r="J40" s="643"/>
      <c r="K40" s="642"/>
      <c r="L40" s="643"/>
      <c r="M40" s="642"/>
      <c r="N40" s="643"/>
      <c r="O40" s="642"/>
      <c r="P40" s="643"/>
      <c r="Q40" s="642"/>
      <c r="R40" s="643"/>
      <c r="S40" s="644"/>
      <c r="T40" s="645"/>
    </row>
    <row r="41" spans="1:20" s="618" customFormat="1" ht="15.6" customHeight="1">
      <c r="A41" s="622"/>
      <c r="B41" s="646"/>
      <c r="C41" s="194"/>
      <c r="D41" s="647"/>
      <c r="E41" s="648" t="s">
        <v>128</v>
      </c>
      <c r="F41" s="649"/>
      <c r="G41" s="649"/>
      <c r="H41" s="650"/>
      <c r="I41" s="651"/>
      <c r="J41" s="652"/>
      <c r="K41" s="652"/>
      <c r="L41" s="652"/>
      <c r="M41" s="652"/>
      <c r="N41" s="652"/>
      <c r="O41" s="652"/>
      <c r="P41" s="652"/>
      <c r="Q41" s="652"/>
      <c r="R41" s="652"/>
      <c r="S41" s="652"/>
      <c r="T41" s="653"/>
    </row>
    <row r="42" spans="1:20" s="618" customFormat="1" ht="15.95" customHeight="1">
      <c r="A42" s="622"/>
      <c r="B42" s="654" t="s">
        <v>129</v>
      </c>
      <c r="C42" s="655"/>
      <c r="D42" s="655"/>
      <c r="E42" s="656"/>
      <c r="F42" s="656"/>
      <c r="G42" s="656"/>
      <c r="H42" s="657"/>
      <c r="I42" s="658"/>
      <c r="J42" s="659"/>
      <c r="K42" s="660" t="s">
        <v>130</v>
      </c>
      <c r="L42" s="659"/>
      <c r="M42" s="659"/>
      <c r="N42" s="661" t="s">
        <v>131</v>
      </c>
      <c r="O42" s="659"/>
      <c r="P42" s="659"/>
      <c r="Q42" s="660" t="s">
        <v>130</v>
      </c>
      <c r="R42" s="236"/>
      <c r="S42" s="236"/>
      <c r="T42" s="240"/>
    </row>
    <row r="43" spans="1:20" s="618" customFormat="1" ht="15.95" customHeight="1">
      <c r="A43" s="622"/>
      <c r="B43" s="662"/>
      <c r="C43" s="249"/>
      <c r="D43" s="249"/>
      <c r="E43" s="663" t="s">
        <v>132</v>
      </c>
      <c r="F43" s="202"/>
      <c r="G43" s="233" t="s">
        <v>133</v>
      </c>
      <c r="H43" s="234"/>
      <c r="I43" s="658"/>
      <c r="J43" s="659"/>
      <c r="K43" s="660" t="s">
        <v>130</v>
      </c>
      <c r="L43" s="659"/>
      <c r="M43" s="659"/>
      <c r="N43" s="661" t="s">
        <v>131</v>
      </c>
      <c r="O43" s="659"/>
      <c r="P43" s="659"/>
      <c r="Q43" s="660" t="s">
        <v>130</v>
      </c>
      <c r="R43" s="236"/>
      <c r="S43" s="236"/>
      <c r="T43" s="240"/>
    </row>
    <row r="44" spans="1:20" s="618" customFormat="1" ht="15.95" customHeight="1">
      <c r="A44" s="622"/>
      <c r="B44" s="662"/>
      <c r="C44" s="249"/>
      <c r="D44" s="249"/>
      <c r="E44" s="631"/>
      <c r="F44" s="182"/>
      <c r="G44" s="233" t="s">
        <v>134</v>
      </c>
      <c r="H44" s="234"/>
      <c r="I44" s="658"/>
      <c r="J44" s="659"/>
      <c r="K44" s="660" t="s">
        <v>130</v>
      </c>
      <c r="L44" s="659"/>
      <c r="M44" s="659"/>
      <c r="N44" s="661" t="s">
        <v>131</v>
      </c>
      <c r="O44" s="659"/>
      <c r="P44" s="659"/>
      <c r="Q44" s="660" t="s">
        <v>130</v>
      </c>
      <c r="R44" s="236"/>
      <c r="S44" s="236"/>
      <c r="T44" s="240"/>
    </row>
    <row r="45" spans="1:20" s="618" customFormat="1" ht="15.95" customHeight="1">
      <c r="A45" s="622"/>
      <c r="B45" s="664"/>
      <c r="C45" s="665"/>
      <c r="D45" s="665"/>
      <c r="E45" s="646"/>
      <c r="F45" s="195"/>
      <c r="G45" s="233" t="s">
        <v>135</v>
      </c>
      <c r="H45" s="234"/>
      <c r="I45" s="658"/>
      <c r="J45" s="659"/>
      <c r="K45" s="660" t="s">
        <v>130</v>
      </c>
      <c r="L45" s="659"/>
      <c r="M45" s="659"/>
      <c r="N45" s="661" t="s">
        <v>131</v>
      </c>
      <c r="O45" s="659"/>
      <c r="P45" s="659"/>
      <c r="Q45" s="660" t="s">
        <v>130</v>
      </c>
      <c r="R45" s="236"/>
      <c r="S45" s="236"/>
      <c r="T45" s="240"/>
    </row>
    <row r="46" spans="1:20" s="618" customFormat="1" ht="16.350000000000001" customHeight="1">
      <c r="A46" s="622"/>
      <c r="B46" s="666" t="s">
        <v>136</v>
      </c>
      <c r="C46" s="667"/>
      <c r="D46" s="667"/>
      <c r="E46" s="667"/>
      <c r="F46" s="667"/>
      <c r="G46" s="667"/>
      <c r="H46" s="668"/>
      <c r="I46" s="658"/>
      <c r="J46" s="659"/>
      <c r="K46" s="669" t="s">
        <v>130</v>
      </c>
      <c r="L46" s="659"/>
      <c r="M46" s="659"/>
      <c r="N46" s="670" t="s">
        <v>131</v>
      </c>
      <c r="O46" s="659"/>
      <c r="P46" s="659"/>
      <c r="Q46" s="669" t="s">
        <v>130</v>
      </c>
      <c r="R46" s="236"/>
      <c r="S46" s="236"/>
      <c r="T46" s="240"/>
    </row>
    <row r="47" spans="1:20" s="618" customFormat="1" ht="16.350000000000001" customHeight="1" thickBot="1">
      <c r="A47" s="671"/>
      <c r="B47" s="243" t="s">
        <v>137</v>
      </c>
      <c r="C47" s="672"/>
      <c r="D47" s="672"/>
      <c r="E47" s="672"/>
      <c r="F47" s="672"/>
      <c r="G47" s="672"/>
      <c r="H47" s="244"/>
      <c r="I47" s="673"/>
      <c r="J47" s="674"/>
      <c r="K47" s="674"/>
      <c r="L47" s="675" t="s">
        <v>138</v>
      </c>
      <c r="M47" s="676"/>
      <c r="N47" s="676"/>
      <c r="O47" s="672"/>
      <c r="P47" s="672"/>
      <c r="Q47" s="677"/>
      <c r="R47" s="678"/>
      <c r="S47" s="678"/>
      <c r="T47" s="679"/>
    </row>
    <row r="48" spans="1:20" s="618" customFormat="1" ht="25.5" customHeight="1">
      <c r="A48" s="681"/>
      <c r="B48" s="681"/>
      <c r="C48" s="681"/>
      <c r="D48" s="681"/>
      <c r="E48" s="682"/>
      <c r="F48" s="682"/>
      <c r="G48" s="682"/>
      <c r="H48" s="682"/>
      <c r="I48" s="682"/>
      <c r="J48" s="682"/>
      <c r="K48" s="682"/>
      <c r="L48" s="682"/>
      <c r="M48" s="682"/>
      <c r="N48" s="682"/>
      <c r="O48" s="682"/>
      <c r="P48" s="682"/>
      <c r="Q48" s="682"/>
      <c r="R48" s="682"/>
      <c r="S48" s="617"/>
      <c r="T48" s="617"/>
    </row>
    <row r="49" spans="1:20" s="618" customFormat="1" ht="29.1" customHeight="1">
      <c r="A49" s="683" t="s">
        <v>144</v>
      </c>
      <c r="B49" s="683"/>
      <c r="C49" s="683"/>
      <c r="D49" s="683"/>
      <c r="E49" s="683"/>
      <c r="F49" s="683"/>
      <c r="G49" s="683"/>
      <c r="H49" s="683"/>
      <c r="I49" s="683"/>
      <c r="J49" s="683"/>
      <c r="K49" s="683"/>
      <c r="L49" s="683"/>
      <c r="M49" s="683"/>
      <c r="N49" s="683"/>
      <c r="O49" s="683"/>
      <c r="P49" s="683"/>
      <c r="Q49" s="683"/>
      <c r="R49" s="683"/>
      <c r="S49" s="617"/>
      <c r="T49" s="617"/>
    </row>
    <row r="50" spans="1:20" s="618" customFormat="1" ht="15" customHeight="1" thickBot="1">
      <c r="A50" s="684" t="s">
        <v>155</v>
      </c>
      <c r="B50" s="684"/>
      <c r="C50" s="684"/>
      <c r="D50" s="684"/>
      <c r="E50" s="684"/>
      <c r="F50" s="684"/>
      <c r="G50" s="684"/>
      <c r="H50" s="684"/>
      <c r="I50" s="684"/>
      <c r="J50" s="684"/>
      <c r="K50" s="684"/>
      <c r="L50" s="684"/>
      <c r="M50" s="684"/>
      <c r="N50" s="684"/>
      <c r="O50" s="684"/>
      <c r="P50" s="684"/>
      <c r="Q50" s="684"/>
      <c r="R50" s="684"/>
      <c r="S50" s="617"/>
      <c r="T50" s="617"/>
    </row>
    <row r="51" spans="1:20" s="618" customFormat="1" ht="15" customHeight="1">
      <c r="A51" s="685" t="s">
        <v>91</v>
      </c>
      <c r="B51" s="686" t="s">
        <v>3</v>
      </c>
      <c r="C51" s="687"/>
      <c r="D51" s="688"/>
      <c r="E51" s="689"/>
      <c r="F51" s="178"/>
      <c r="G51" s="178"/>
      <c r="H51" s="178"/>
      <c r="I51" s="178"/>
      <c r="J51" s="178"/>
      <c r="K51" s="178"/>
      <c r="L51" s="178"/>
      <c r="M51" s="178"/>
      <c r="N51" s="178"/>
      <c r="O51" s="178"/>
      <c r="P51" s="178"/>
      <c r="Q51" s="178"/>
      <c r="R51" s="178"/>
      <c r="S51" s="178"/>
      <c r="T51" s="179"/>
    </row>
    <row r="52" spans="1:20" s="618" customFormat="1" ht="25.7" customHeight="1">
      <c r="A52" s="690"/>
      <c r="B52" s="627" t="s">
        <v>92</v>
      </c>
      <c r="C52" s="628"/>
      <c r="D52" s="629"/>
      <c r="E52" s="691"/>
      <c r="F52" s="692"/>
      <c r="G52" s="692"/>
      <c r="H52" s="692"/>
      <c r="I52" s="692"/>
      <c r="J52" s="692"/>
      <c r="K52" s="692"/>
      <c r="L52" s="692"/>
      <c r="M52" s="692"/>
      <c r="N52" s="692"/>
      <c r="O52" s="692"/>
      <c r="P52" s="692"/>
      <c r="Q52" s="692"/>
      <c r="R52" s="692"/>
      <c r="S52" s="692"/>
      <c r="T52" s="693"/>
    </row>
    <row r="53" spans="1:20" s="618" customFormat="1" ht="15" customHeight="1">
      <c r="A53" s="690"/>
      <c r="B53" s="625" t="s">
        <v>60</v>
      </c>
      <c r="C53" s="227"/>
      <c r="D53" s="624"/>
      <c r="E53" s="625" t="s">
        <v>6</v>
      </c>
      <c r="F53" s="227"/>
      <c r="G53" s="224"/>
      <c r="H53" s="225" t="s">
        <v>93</v>
      </c>
      <c r="I53" s="224"/>
      <c r="J53" s="225" t="s">
        <v>94</v>
      </c>
      <c r="K53" s="227"/>
      <c r="L53" s="227"/>
      <c r="M53" s="227"/>
      <c r="N53" s="227"/>
      <c r="O53" s="227"/>
      <c r="P53" s="227"/>
      <c r="Q53" s="227"/>
      <c r="R53" s="227"/>
      <c r="S53" s="227"/>
      <c r="T53" s="228"/>
    </row>
    <row r="54" spans="1:20" s="618" customFormat="1" ht="15" customHeight="1">
      <c r="A54" s="690"/>
      <c r="B54" s="694"/>
      <c r="C54" s="181"/>
      <c r="D54" s="632"/>
      <c r="E54" s="695"/>
      <c r="F54" s="696"/>
      <c r="G54" s="696"/>
      <c r="H54" s="420" t="s">
        <v>9</v>
      </c>
      <c r="I54" s="696"/>
      <c r="J54" s="696"/>
      <c r="K54" s="696"/>
      <c r="L54" s="696"/>
      <c r="M54" s="696"/>
      <c r="N54" s="420" t="s">
        <v>10</v>
      </c>
      <c r="O54" s="696"/>
      <c r="P54" s="696"/>
      <c r="Q54" s="696"/>
      <c r="R54" s="696"/>
      <c r="S54" s="696"/>
      <c r="T54" s="697"/>
    </row>
    <row r="55" spans="1:20" s="618" customFormat="1" ht="15" customHeight="1">
      <c r="A55" s="690"/>
      <c r="B55" s="694"/>
      <c r="C55" s="181"/>
      <c r="D55" s="632"/>
      <c r="E55" s="695"/>
      <c r="F55" s="696"/>
      <c r="G55" s="696"/>
      <c r="H55" s="420" t="s">
        <v>11</v>
      </c>
      <c r="I55" s="696"/>
      <c r="J55" s="696"/>
      <c r="K55" s="696"/>
      <c r="L55" s="696"/>
      <c r="M55" s="696"/>
      <c r="N55" s="420" t="s">
        <v>95</v>
      </c>
      <c r="O55" s="696"/>
      <c r="P55" s="696"/>
      <c r="Q55" s="696"/>
      <c r="R55" s="696"/>
      <c r="S55" s="696"/>
      <c r="T55" s="697"/>
    </row>
    <row r="56" spans="1:20" s="618" customFormat="1" ht="18.95" customHeight="1">
      <c r="A56" s="690"/>
      <c r="B56" s="698"/>
      <c r="C56" s="699"/>
      <c r="D56" s="700"/>
      <c r="E56" s="701"/>
      <c r="F56" s="191"/>
      <c r="G56" s="191"/>
      <c r="H56" s="191"/>
      <c r="I56" s="191"/>
      <c r="J56" s="191"/>
      <c r="K56" s="191"/>
      <c r="L56" s="191"/>
      <c r="M56" s="191"/>
      <c r="N56" s="191"/>
      <c r="O56" s="191"/>
      <c r="P56" s="191"/>
      <c r="Q56" s="191"/>
      <c r="R56" s="191"/>
      <c r="S56" s="191"/>
      <c r="T56" s="192"/>
    </row>
    <row r="57" spans="1:20" s="618" customFormat="1" ht="15" customHeight="1">
      <c r="A57" s="690"/>
      <c r="B57" s="625" t="s">
        <v>13</v>
      </c>
      <c r="C57" s="227"/>
      <c r="D57" s="624"/>
      <c r="E57" s="627" t="s">
        <v>72</v>
      </c>
      <c r="F57" s="629"/>
      <c r="G57" s="702"/>
      <c r="H57" s="703"/>
      <c r="I57" s="703"/>
      <c r="J57" s="703"/>
      <c r="K57" s="703"/>
      <c r="L57" s="237" t="s">
        <v>15</v>
      </c>
      <c r="M57" s="659"/>
      <c r="N57" s="704"/>
      <c r="O57" s="233" t="s">
        <v>73</v>
      </c>
      <c r="P57" s="234"/>
      <c r="Q57" s="705"/>
      <c r="R57" s="703"/>
      <c r="S57" s="703"/>
      <c r="T57" s="706"/>
    </row>
    <row r="58" spans="1:20" s="618" customFormat="1" ht="15" customHeight="1">
      <c r="A58" s="707"/>
      <c r="B58" s="708"/>
      <c r="C58" s="194"/>
      <c r="D58" s="647"/>
      <c r="E58" s="627" t="s">
        <v>17</v>
      </c>
      <c r="F58" s="629"/>
      <c r="G58" s="709"/>
      <c r="H58" s="710"/>
      <c r="I58" s="710"/>
      <c r="J58" s="710"/>
      <c r="K58" s="710"/>
      <c r="L58" s="710"/>
      <c r="M58" s="710"/>
      <c r="N58" s="710"/>
      <c r="O58" s="710"/>
      <c r="P58" s="710"/>
      <c r="Q58" s="710"/>
      <c r="R58" s="710"/>
      <c r="S58" s="710"/>
      <c r="T58" s="711"/>
    </row>
    <row r="59" spans="1:20" s="618" customFormat="1" ht="15" customHeight="1">
      <c r="A59" s="712" t="s">
        <v>106</v>
      </c>
      <c r="B59" s="713"/>
      <c r="C59" s="713"/>
      <c r="D59" s="713"/>
      <c r="E59" s="713"/>
      <c r="F59" s="713"/>
      <c r="G59" s="713"/>
      <c r="H59" s="713"/>
      <c r="I59" s="713"/>
      <c r="J59" s="713"/>
      <c r="K59" s="713"/>
      <c r="L59" s="713"/>
      <c r="M59" s="713"/>
      <c r="N59" s="713"/>
      <c r="O59" s="713"/>
      <c r="P59" s="713"/>
      <c r="Q59" s="713"/>
      <c r="R59" s="713"/>
      <c r="S59" s="713"/>
      <c r="T59" s="714"/>
    </row>
    <row r="60" spans="1:20" s="452" customFormat="1" ht="15" customHeight="1" thickBot="1">
      <c r="A60" s="715" t="s">
        <v>107</v>
      </c>
      <c r="B60" s="716"/>
      <c r="C60" s="716"/>
      <c r="D60" s="716"/>
      <c r="E60" s="716"/>
      <c r="F60" s="716"/>
      <c r="G60" s="716"/>
      <c r="H60" s="717"/>
      <c r="I60" s="718"/>
      <c r="J60" s="716"/>
      <c r="K60" s="719" t="s">
        <v>108</v>
      </c>
      <c r="L60" s="243" t="s">
        <v>109</v>
      </c>
      <c r="M60" s="672"/>
      <c r="N60" s="672"/>
      <c r="O60" s="672"/>
      <c r="P60" s="672"/>
      <c r="Q60" s="244"/>
      <c r="R60" s="243"/>
      <c r="S60" s="672"/>
      <c r="T60" s="720" t="s">
        <v>110</v>
      </c>
    </row>
    <row r="61" spans="1:20" s="618" customFormat="1" ht="15" customHeight="1">
      <c r="A61" s="721" t="s">
        <v>156</v>
      </c>
      <c r="B61" s="680" t="s">
        <v>106</v>
      </c>
      <c r="C61" s="620"/>
      <c r="D61" s="620"/>
      <c r="E61" s="620"/>
      <c r="F61" s="620"/>
      <c r="G61" s="620"/>
      <c r="H61" s="620"/>
      <c r="I61" s="620"/>
      <c r="J61" s="620"/>
      <c r="K61" s="620"/>
      <c r="L61" s="620"/>
      <c r="M61" s="620"/>
      <c r="N61" s="620"/>
      <c r="O61" s="620"/>
      <c r="P61" s="620"/>
      <c r="Q61" s="620"/>
      <c r="R61" s="620"/>
      <c r="S61" s="620"/>
      <c r="T61" s="621"/>
    </row>
    <row r="62" spans="1:20" s="618" customFormat="1" ht="16.350000000000001" customHeight="1">
      <c r="A62" s="722"/>
      <c r="B62" s="623" t="s">
        <v>119</v>
      </c>
      <c r="C62" s="227"/>
      <c r="D62" s="624"/>
      <c r="E62" s="638" t="s">
        <v>120</v>
      </c>
      <c r="F62" s="639"/>
      <c r="G62" s="640" t="s">
        <v>121</v>
      </c>
      <c r="H62" s="639"/>
      <c r="I62" s="640" t="s">
        <v>122</v>
      </c>
      <c r="J62" s="639"/>
      <c r="K62" s="640" t="s">
        <v>123</v>
      </c>
      <c r="L62" s="639"/>
      <c r="M62" s="640" t="s">
        <v>124</v>
      </c>
      <c r="N62" s="639"/>
      <c r="O62" s="640" t="s">
        <v>125</v>
      </c>
      <c r="P62" s="639"/>
      <c r="Q62" s="640" t="s">
        <v>126</v>
      </c>
      <c r="R62" s="639"/>
      <c r="S62" s="640" t="s">
        <v>127</v>
      </c>
      <c r="T62" s="641"/>
    </row>
    <row r="63" spans="1:20" s="618" customFormat="1" ht="15.6" customHeight="1">
      <c r="A63" s="722"/>
      <c r="B63" s="631"/>
      <c r="C63" s="181"/>
      <c r="D63" s="632"/>
      <c r="E63" s="642"/>
      <c r="F63" s="643"/>
      <c r="G63" s="644"/>
      <c r="H63" s="643"/>
      <c r="I63" s="644"/>
      <c r="J63" s="643"/>
      <c r="K63" s="644"/>
      <c r="L63" s="643"/>
      <c r="M63" s="644"/>
      <c r="N63" s="643"/>
      <c r="O63" s="644"/>
      <c r="P63" s="643"/>
      <c r="Q63" s="644"/>
      <c r="R63" s="643"/>
      <c r="S63" s="644"/>
      <c r="T63" s="645"/>
    </row>
    <row r="64" spans="1:20" s="618" customFormat="1" ht="15.6" customHeight="1">
      <c r="A64" s="722"/>
      <c r="B64" s="646"/>
      <c r="C64" s="194"/>
      <c r="D64" s="647"/>
      <c r="E64" s="648" t="s">
        <v>128</v>
      </c>
      <c r="F64" s="649"/>
      <c r="G64" s="649"/>
      <c r="H64" s="650"/>
      <c r="I64" s="651"/>
      <c r="J64" s="652"/>
      <c r="K64" s="652"/>
      <c r="L64" s="652"/>
      <c r="M64" s="652"/>
      <c r="N64" s="652"/>
      <c r="O64" s="652"/>
      <c r="P64" s="652"/>
      <c r="Q64" s="652"/>
      <c r="R64" s="652"/>
      <c r="S64" s="652"/>
      <c r="T64" s="653"/>
    </row>
    <row r="65" spans="1:20" s="618" customFormat="1" ht="15.95" customHeight="1">
      <c r="A65" s="722"/>
      <c r="B65" s="654" t="s">
        <v>129</v>
      </c>
      <c r="C65" s="655"/>
      <c r="D65" s="655"/>
      <c r="E65" s="655"/>
      <c r="F65" s="655"/>
      <c r="G65" s="655"/>
      <c r="H65" s="723"/>
      <c r="I65" s="658"/>
      <c r="J65" s="659"/>
      <c r="K65" s="660" t="s">
        <v>130</v>
      </c>
      <c r="L65" s="659"/>
      <c r="M65" s="659"/>
      <c r="N65" s="661" t="s">
        <v>131</v>
      </c>
      <c r="O65" s="659"/>
      <c r="P65" s="659"/>
      <c r="Q65" s="660" t="s">
        <v>130</v>
      </c>
      <c r="R65" s="236"/>
      <c r="S65" s="236"/>
      <c r="T65" s="240"/>
    </row>
    <row r="66" spans="1:20" s="618" customFormat="1" ht="15.95" customHeight="1">
      <c r="A66" s="722"/>
      <c r="B66" s="662"/>
      <c r="C66" s="249"/>
      <c r="D66" s="249"/>
      <c r="E66" s="663" t="s">
        <v>132</v>
      </c>
      <c r="F66" s="202"/>
      <c r="G66" s="233" t="s">
        <v>133</v>
      </c>
      <c r="H66" s="234"/>
      <c r="I66" s="658"/>
      <c r="J66" s="659"/>
      <c r="K66" s="660" t="s">
        <v>130</v>
      </c>
      <c r="L66" s="659"/>
      <c r="M66" s="659"/>
      <c r="N66" s="661" t="s">
        <v>131</v>
      </c>
      <c r="O66" s="659"/>
      <c r="P66" s="659"/>
      <c r="Q66" s="660" t="s">
        <v>130</v>
      </c>
      <c r="R66" s="236"/>
      <c r="S66" s="236"/>
      <c r="T66" s="240"/>
    </row>
    <row r="67" spans="1:20" s="618" customFormat="1" ht="15.95" customHeight="1">
      <c r="A67" s="722"/>
      <c r="B67" s="662"/>
      <c r="C67" s="249"/>
      <c r="D67" s="249"/>
      <c r="E67" s="631"/>
      <c r="F67" s="182"/>
      <c r="G67" s="233" t="s">
        <v>134</v>
      </c>
      <c r="H67" s="234"/>
      <c r="I67" s="658"/>
      <c r="J67" s="659"/>
      <c r="K67" s="660" t="s">
        <v>130</v>
      </c>
      <c r="L67" s="659"/>
      <c r="M67" s="659"/>
      <c r="N67" s="661" t="s">
        <v>131</v>
      </c>
      <c r="O67" s="659"/>
      <c r="P67" s="659"/>
      <c r="Q67" s="660" t="s">
        <v>130</v>
      </c>
      <c r="R67" s="236"/>
      <c r="S67" s="236"/>
      <c r="T67" s="240"/>
    </row>
    <row r="68" spans="1:20" s="618" customFormat="1" ht="15.95" customHeight="1">
      <c r="A68" s="722"/>
      <c r="B68" s="664"/>
      <c r="C68" s="665"/>
      <c r="D68" s="665"/>
      <c r="E68" s="646"/>
      <c r="F68" s="195"/>
      <c r="G68" s="233" t="s">
        <v>135</v>
      </c>
      <c r="H68" s="234"/>
      <c r="I68" s="658"/>
      <c r="J68" s="659"/>
      <c r="K68" s="660" t="s">
        <v>130</v>
      </c>
      <c r="L68" s="659"/>
      <c r="M68" s="659"/>
      <c r="N68" s="661" t="s">
        <v>131</v>
      </c>
      <c r="O68" s="659"/>
      <c r="P68" s="659"/>
      <c r="Q68" s="660" t="s">
        <v>130</v>
      </c>
      <c r="R68" s="236"/>
      <c r="S68" s="236"/>
      <c r="T68" s="240"/>
    </row>
    <row r="69" spans="1:20" s="618" customFormat="1" ht="16.350000000000001" customHeight="1">
      <c r="A69" s="722"/>
      <c r="B69" s="666" t="s">
        <v>136</v>
      </c>
      <c r="C69" s="667"/>
      <c r="D69" s="667"/>
      <c r="E69" s="667"/>
      <c r="F69" s="667"/>
      <c r="G69" s="667"/>
      <c r="H69" s="668"/>
      <c r="I69" s="658"/>
      <c r="J69" s="659"/>
      <c r="K69" s="669" t="s">
        <v>130</v>
      </c>
      <c r="L69" s="659"/>
      <c r="M69" s="659"/>
      <c r="N69" s="670" t="s">
        <v>131</v>
      </c>
      <c r="O69" s="659"/>
      <c r="P69" s="659"/>
      <c r="Q69" s="669" t="s">
        <v>130</v>
      </c>
      <c r="R69" s="236"/>
      <c r="S69" s="236"/>
      <c r="T69" s="240"/>
    </row>
    <row r="70" spans="1:20" s="618" customFormat="1" ht="16.350000000000001" customHeight="1" thickBot="1">
      <c r="A70" s="724"/>
      <c r="B70" s="725" t="s">
        <v>137</v>
      </c>
      <c r="C70" s="726"/>
      <c r="D70" s="726"/>
      <c r="E70" s="726"/>
      <c r="F70" s="726"/>
      <c r="G70" s="726"/>
      <c r="H70" s="727"/>
      <c r="I70" s="673"/>
      <c r="J70" s="674"/>
      <c r="K70" s="674"/>
      <c r="L70" s="675" t="s">
        <v>138</v>
      </c>
      <c r="M70" s="676"/>
      <c r="N70" s="676"/>
      <c r="O70" s="672"/>
      <c r="P70" s="672"/>
      <c r="Q70" s="677"/>
      <c r="R70" s="678"/>
      <c r="S70" s="678"/>
      <c r="T70" s="679"/>
    </row>
    <row r="71" spans="1:20" s="618" customFormat="1" ht="15" customHeight="1">
      <c r="A71" s="721" t="s">
        <v>157</v>
      </c>
      <c r="B71" s="680" t="s">
        <v>106</v>
      </c>
      <c r="C71" s="620"/>
      <c r="D71" s="620"/>
      <c r="E71" s="620"/>
      <c r="F71" s="620"/>
      <c r="G71" s="620"/>
      <c r="H71" s="620"/>
      <c r="I71" s="620"/>
      <c r="J71" s="620"/>
      <c r="K71" s="620"/>
      <c r="L71" s="620"/>
      <c r="M71" s="620"/>
      <c r="N71" s="620"/>
      <c r="O71" s="620"/>
      <c r="P71" s="620"/>
      <c r="Q71" s="620"/>
      <c r="R71" s="620"/>
      <c r="S71" s="620"/>
      <c r="T71" s="621"/>
    </row>
    <row r="72" spans="1:20" s="618" customFormat="1" ht="16.350000000000001" customHeight="1">
      <c r="A72" s="722"/>
      <c r="B72" s="623" t="s">
        <v>119</v>
      </c>
      <c r="C72" s="227"/>
      <c r="D72" s="624"/>
      <c r="E72" s="638" t="s">
        <v>120</v>
      </c>
      <c r="F72" s="639"/>
      <c r="G72" s="640" t="s">
        <v>121</v>
      </c>
      <c r="H72" s="639"/>
      <c r="I72" s="640" t="s">
        <v>122</v>
      </c>
      <c r="J72" s="639"/>
      <c r="K72" s="640" t="s">
        <v>123</v>
      </c>
      <c r="L72" s="639"/>
      <c r="M72" s="640" t="s">
        <v>124</v>
      </c>
      <c r="N72" s="639"/>
      <c r="O72" s="640" t="s">
        <v>125</v>
      </c>
      <c r="P72" s="639"/>
      <c r="Q72" s="640" t="s">
        <v>126</v>
      </c>
      <c r="R72" s="639"/>
      <c r="S72" s="640" t="s">
        <v>127</v>
      </c>
      <c r="T72" s="641"/>
    </row>
    <row r="73" spans="1:20" s="618" customFormat="1" ht="15.6" customHeight="1">
      <c r="A73" s="722"/>
      <c r="B73" s="631"/>
      <c r="C73" s="181"/>
      <c r="D73" s="632"/>
      <c r="E73" s="642"/>
      <c r="F73" s="643"/>
      <c r="G73" s="644"/>
      <c r="H73" s="643"/>
      <c r="I73" s="644"/>
      <c r="J73" s="643"/>
      <c r="K73" s="644"/>
      <c r="L73" s="643"/>
      <c r="M73" s="644"/>
      <c r="N73" s="643"/>
      <c r="O73" s="644"/>
      <c r="P73" s="643"/>
      <c r="Q73" s="644"/>
      <c r="R73" s="643"/>
      <c r="S73" s="644"/>
      <c r="T73" s="645"/>
    </row>
    <row r="74" spans="1:20" s="618" customFormat="1" ht="15.6" customHeight="1">
      <c r="A74" s="722"/>
      <c r="B74" s="646"/>
      <c r="C74" s="194"/>
      <c r="D74" s="647"/>
      <c r="E74" s="648" t="s">
        <v>128</v>
      </c>
      <c r="F74" s="649"/>
      <c r="G74" s="649"/>
      <c r="H74" s="650"/>
      <c r="I74" s="651"/>
      <c r="J74" s="652"/>
      <c r="K74" s="652"/>
      <c r="L74" s="652"/>
      <c r="M74" s="652"/>
      <c r="N74" s="652"/>
      <c r="O74" s="652"/>
      <c r="P74" s="652"/>
      <c r="Q74" s="652"/>
      <c r="R74" s="652"/>
      <c r="S74" s="652"/>
      <c r="T74" s="653"/>
    </row>
    <row r="75" spans="1:20" s="618" customFormat="1" ht="15.95" customHeight="1">
      <c r="A75" s="722"/>
      <c r="B75" s="654" t="s">
        <v>129</v>
      </c>
      <c r="C75" s="655"/>
      <c r="D75" s="655"/>
      <c r="E75" s="655"/>
      <c r="F75" s="655"/>
      <c r="G75" s="655"/>
      <c r="H75" s="723"/>
      <c r="I75" s="658"/>
      <c r="J75" s="659"/>
      <c r="K75" s="660" t="s">
        <v>130</v>
      </c>
      <c r="L75" s="659"/>
      <c r="M75" s="659"/>
      <c r="N75" s="661" t="s">
        <v>131</v>
      </c>
      <c r="O75" s="659"/>
      <c r="P75" s="659"/>
      <c r="Q75" s="660" t="s">
        <v>130</v>
      </c>
      <c r="R75" s="236"/>
      <c r="S75" s="236"/>
      <c r="T75" s="240"/>
    </row>
    <row r="76" spans="1:20" s="618" customFormat="1" ht="15.95" customHeight="1">
      <c r="A76" s="722"/>
      <c r="B76" s="662"/>
      <c r="C76" s="249"/>
      <c r="D76" s="249"/>
      <c r="E76" s="663" t="s">
        <v>132</v>
      </c>
      <c r="F76" s="202"/>
      <c r="G76" s="233" t="s">
        <v>133</v>
      </c>
      <c r="H76" s="234"/>
      <c r="I76" s="658"/>
      <c r="J76" s="659"/>
      <c r="K76" s="660" t="s">
        <v>130</v>
      </c>
      <c r="L76" s="659"/>
      <c r="M76" s="659"/>
      <c r="N76" s="661" t="s">
        <v>131</v>
      </c>
      <c r="O76" s="659"/>
      <c r="P76" s="659"/>
      <c r="Q76" s="660" t="s">
        <v>130</v>
      </c>
      <c r="R76" s="236"/>
      <c r="S76" s="236"/>
      <c r="T76" s="240"/>
    </row>
    <row r="77" spans="1:20" s="618" customFormat="1" ht="15.95" customHeight="1">
      <c r="A77" s="722"/>
      <c r="B77" s="662"/>
      <c r="C77" s="249"/>
      <c r="D77" s="249"/>
      <c r="E77" s="631"/>
      <c r="F77" s="182"/>
      <c r="G77" s="233" t="s">
        <v>134</v>
      </c>
      <c r="H77" s="234"/>
      <c r="I77" s="658"/>
      <c r="J77" s="659"/>
      <c r="K77" s="660" t="s">
        <v>130</v>
      </c>
      <c r="L77" s="659"/>
      <c r="M77" s="659"/>
      <c r="N77" s="661" t="s">
        <v>131</v>
      </c>
      <c r="O77" s="659"/>
      <c r="P77" s="659"/>
      <c r="Q77" s="660" t="s">
        <v>130</v>
      </c>
      <c r="R77" s="236"/>
      <c r="S77" s="236"/>
      <c r="T77" s="240"/>
    </row>
    <row r="78" spans="1:20" s="618" customFormat="1" ht="15.95" customHeight="1">
      <c r="A78" s="722"/>
      <c r="B78" s="664"/>
      <c r="C78" s="665"/>
      <c r="D78" s="665"/>
      <c r="E78" s="646"/>
      <c r="F78" s="195"/>
      <c r="G78" s="233" t="s">
        <v>135</v>
      </c>
      <c r="H78" s="234"/>
      <c r="I78" s="658"/>
      <c r="J78" s="659"/>
      <c r="K78" s="660" t="s">
        <v>130</v>
      </c>
      <c r="L78" s="659"/>
      <c r="M78" s="659"/>
      <c r="N78" s="661" t="s">
        <v>131</v>
      </c>
      <c r="O78" s="659"/>
      <c r="P78" s="659"/>
      <c r="Q78" s="660" t="s">
        <v>130</v>
      </c>
      <c r="R78" s="236"/>
      <c r="S78" s="236"/>
      <c r="T78" s="240"/>
    </row>
    <row r="79" spans="1:20" s="618" customFormat="1" ht="16.350000000000001" customHeight="1">
      <c r="A79" s="722"/>
      <c r="B79" s="666" t="s">
        <v>136</v>
      </c>
      <c r="C79" s="667"/>
      <c r="D79" s="667"/>
      <c r="E79" s="667"/>
      <c r="F79" s="667"/>
      <c r="G79" s="667"/>
      <c r="H79" s="668"/>
      <c r="I79" s="658"/>
      <c r="J79" s="659"/>
      <c r="K79" s="669" t="s">
        <v>130</v>
      </c>
      <c r="L79" s="659"/>
      <c r="M79" s="659"/>
      <c r="N79" s="670" t="s">
        <v>131</v>
      </c>
      <c r="O79" s="659"/>
      <c r="P79" s="659"/>
      <c r="Q79" s="669" t="s">
        <v>130</v>
      </c>
      <c r="R79" s="236"/>
      <c r="S79" s="236"/>
      <c r="T79" s="240"/>
    </row>
    <row r="80" spans="1:20" s="618" customFormat="1" ht="16.350000000000001" customHeight="1" thickBot="1">
      <c r="A80" s="724"/>
      <c r="B80" s="725" t="s">
        <v>137</v>
      </c>
      <c r="C80" s="726"/>
      <c r="D80" s="726"/>
      <c r="E80" s="726"/>
      <c r="F80" s="726"/>
      <c r="G80" s="726"/>
      <c r="H80" s="727"/>
      <c r="I80" s="673"/>
      <c r="J80" s="674"/>
      <c r="K80" s="674"/>
      <c r="L80" s="675" t="s">
        <v>138</v>
      </c>
      <c r="M80" s="676"/>
      <c r="N80" s="676"/>
      <c r="O80" s="672"/>
      <c r="P80" s="672"/>
      <c r="Q80" s="677"/>
      <c r="R80" s="678"/>
      <c r="S80" s="678"/>
      <c r="T80" s="679"/>
    </row>
    <row r="81" spans="1:20" ht="15.95" customHeight="1">
      <c r="A81" s="721" t="s">
        <v>158</v>
      </c>
      <c r="B81" s="680" t="s">
        <v>106</v>
      </c>
      <c r="C81" s="620"/>
      <c r="D81" s="620"/>
      <c r="E81" s="620"/>
      <c r="F81" s="620"/>
      <c r="G81" s="620"/>
      <c r="H81" s="620"/>
      <c r="I81" s="620"/>
      <c r="J81" s="620"/>
      <c r="K81" s="620"/>
      <c r="L81" s="620"/>
      <c r="M81" s="620"/>
      <c r="N81" s="620"/>
      <c r="O81" s="620"/>
      <c r="P81" s="620"/>
      <c r="Q81" s="620"/>
      <c r="R81" s="620"/>
      <c r="S81" s="620"/>
      <c r="T81" s="621"/>
    </row>
    <row r="82" spans="1:20" ht="15.95" customHeight="1">
      <c r="A82" s="722"/>
      <c r="B82" s="623" t="s">
        <v>119</v>
      </c>
      <c r="C82" s="227"/>
      <c r="D82" s="624"/>
      <c r="E82" s="638" t="s">
        <v>120</v>
      </c>
      <c r="F82" s="639"/>
      <c r="G82" s="640" t="s">
        <v>121</v>
      </c>
      <c r="H82" s="639"/>
      <c r="I82" s="640" t="s">
        <v>122</v>
      </c>
      <c r="J82" s="639"/>
      <c r="K82" s="640" t="s">
        <v>123</v>
      </c>
      <c r="L82" s="639"/>
      <c r="M82" s="640" t="s">
        <v>124</v>
      </c>
      <c r="N82" s="639"/>
      <c r="O82" s="640" t="s">
        <v>125</v>
      </c>
      <c r="P82" s="639"/>
      <c r="Q82" s="640" t="s">
        <v>126</v>
      </c>
      <c r="R82" s="639"/>
      <c r="S82" s="640" t="s">
        <v>127</v>
      </c>
      <c r="T82" s="641"/>
    </row>
    <row r="83" spans="1:20" ht="15.95" customHeight="1">
      <c r="A83" s="722"/>
      <c r="B83" s="631"/>
      <c r="C83" s="181"/>
      <c r="D83" s="632"/>
      <c r="E83" s="642"/>
      <c r="F83" s="643"/>
      <c r="G83" s="644"/>
      <c r="H83" s="643"/>
      <c r="I83" s="644"/>
      <c r="J83" s="643"/>
      <c r="K83" s="644"/>
      <c r="L83" s="643"/>
      <c r="M83" s="644"/>
      <c r="N83" s="643"/>
      <c r="O83" s="644"/>
      <c r="P83" s="643"/>
      <c r="Q83" s="644"/>
      <c r="R83" s="643"/>
      <c r="S83" s="644"/>
      <c r="T83" s="645"/>
    </row>
    <row r="84" spans="1:20" ht="15.95" customHeight="1">
      <c r="A84" s="722"/>
      <c r="B84" s="646"/>
      <c r="C84" s="194"/>
      <c r="D84" s="647"/>
      <c r="E84" s="648" t="s">
        <v>128</v>
      </c>
      <c r="F84" s="649"/>
      <c r="G84" s="649"/>
      <c r="H84" s="650"/>
      <c r="I84" s="651"/>
      <c r="J84" s="652"/>
      <c r="K84" s="652"/>
      <c r="L84" s="652"/>
      <c r="M84" s="652"/>
      <c r="N84" s="652"/>
      <c r="O84" s="652"/>
      <c r="P84" s="652"/>
      <c r="Q84" s="652"/>
      <c r="R84" s="652"/>
      <c r="S84" s="652"/>
      <c r="T84" s="653"/>
    </row>
    <row r="85" spans="1:20" ht="15.95" customHeight="1">
      <c r="A85" s="722"/>
      <c r="B85" s="654" t="s">
        <v>129</v>
      </c>
      <c r="C85" s="655"/>
      <c r="D85" s="655"/>
      <c r="E85" s="655"/>
      <c r="F85" s="655"/>
      <c r="G85" s="655"/>
      <c r="H85" s="723"/>
      <c r="I85" s="658"/>
      <c r="J85" s="659"/>
      <c r="K85" s="660" t="s">
        <v>130</v>
      </c>
      <c r="L85" s="659"/>
      <c r="M85" s="659"/>
      <c r="N85" s="661" t="s">
        <v>131</v>
      </c>
      <c r="O85" s="659"/>
      <c r="P85" s="659"/>
      <c r="Q85" s="660" t="s">
        <v>130</v>
      </c>
      <c r="R85" s="236"/>
      <c r="S85" s="236"/>
      <c r="T85" s="240"/>
    </row>
    <row r="86" spans="1:20" ht="15.95" customHeight="1">
      <c r="A86" s="722"/>
      <c r="B86" s="662"/>
      <c r="C86" s="249"/>
      <c r="D86" s="249"/>
      <c r="E86" s="663" t="s">
        <v>132</v>
      </c>
      <c r="F86" s="202"/>
      <c r="G86" s="233" t="s">
        <v>133</v>
      </c>
      <c r="H86" s="234"/>
      <c r="I86" s="658"/>
      <c r="J86" s="659"/>
      <c r="K86" s="660" t="s">
        <v>130</v>
      </c>
      <c r="L86" s="659"/>
      <c r="M86" s="659"/>
      <c r="N86" s="661" t="s">
        <v>131</v>
      </c>
      <c r="O86" s="659"/>
      <c r="P86" s="659"/>
      <c r="Q86" s="660" t="s">
        <v>130</v>
      </c>
      <c r="R86" s="236"/>
      <c r="S86" s="236"/>
      <c r="T86" s="240"/>
    </row>
    <row r="87" spans="1:20" ht="15.95" customHeight="1">
      <c r="A87" s="722"/>
      <c r="B87" s="662"/>
      <c r="C87" s="249"/>
      <c r="D87" s="249"/>
      <c r="E87" s="631"/>
      <c r="F87" s="182"/>
      <c r="G87" s="233" t="s">
        <v>134</v>
      </c>
      <c r="H87" s="234"/>
      <c r="I87" s="658"/>
      <c r="J87" s="659"/>
      <c r="K87" s="660" t="s">
        <v>130</v>
      </c>
      <c r="L87" s="659"/>
      <c r="M87" s="659"/>
      <c r="N87" s="661" t="s">
        <v>131</v>
      </c>
      <c r="O87" s="659"/>
      <c r="P87" s="659"/>
      <c r="Q87" s="660" t="s">
        <v>130</v>
      </c>
      <c r="R87" s="236"/>
      <c r="S87" s="236"/>
      <c r="T87" s="240"/>
    </row>
    <row r="88" spans="1:20" ht="13.35" customHeight="1">
      <c r="A88" s="722"/>
      <c r="B88" s="664"/>
      <c r="C88" s="665"/>
      <c r="D88" s="665"/>
      <c r="E88" s="646"/>
      <c r="F88" s="195"/>
      <c r="G88" s="233" t="s">
        <v>135</v>
      </c>
      <c r="H88" s="234"/>
      <c r="I88" s="658"/>
      <c r="J88" s="659"/>
      <c r="K88" s="660" t="s">
        <v>130</v>
      </c>
      <c r="L88" s="659"/>
      <c r="M88" s="659"/>
      <c r="N88" s="661" t="s">
        <v>131</v>
      </c>
      <c r="O88" s="659"/>
      <c r="P88" s="659"/>
      <c r="Q88" s="660" t="s">
        <v>130</v>
      </c>
      <c r="R88" s="236"/>
      <c r="S88" s="236"/>
      <c r="T88" s="240"/>
    </row>
    <row r="89" spans="1:20" ht="13.35" customHeight="1">
      <c r="A89" s="722"/>
      <c r="B89" s="666" t="s">
        <v>136</v>
      </c>
      <c r="C89" s="667"/>
      <c r="D89" s="667"/>
      <c r="E89" s="667"/>
      <c r="F89" s="667"/>
      <c r="G89" s="667"/>
      <c r="H89" s="668"/>
      <c r="I89" s="658"/>
      <c r="J89" s="659"/>
      <c r="K89" s="669" t="s">
        <v>130</v>
      </c>
      <c r="L89" s="659"/>
      <c r="M89" s="659"/>
      <c r="N89" s="670" t="s">
        <v>131</v>
      </c>
      <c r="O89" s="659"/>
      <c r="P89" s="659"/>
      <c r="Q89" s="669" t="s">
        <v>130</v>
      </c>
      <c r="R89" s="236"/>
      <c r="S89" s="236"/>
      <c r="T89" s="240"/>
    </row>
    <row r="90" spans="1:20" ht="13.7" customHeight="1" thickBot="1">
      <c r="A90" s="724"/>
      <c r="B90" s="725" t="s">
        <v>137</v>
      </c>
      <c r="C90" s="726"/>
      <c r="D90" s="726"/>
      <c r="E90" s="726"/>
      <c r="F90" s="726"/>
      <c r="G90" s="726"/>
      <c r="H90" s="727"/>
      <c r="I90" s="673"/>
      <c r="J90" s="674"/>
      <c r="K90" s="674"/>
      <c r="L90" s="675" t="s">
        <v>138</v>
      </c>
      <c r="M90" s="676"/>
      <c r="N90" s="676"/>
      <c r="O90" s="672"/>
      <c r="P90" s="672"/>
      <c r="Q90" s="677"/>
      <c r="R90" s="678"/>
      <c r="S90" s="678"/>
      <c r="T90" s="679"/>
    </row>
    <row r="91" spans="1:20">
      <c r="A91" s="613"/>
      <c r="B91" s="613"/>
      <c r="C91" s="613"/>
      <c r="D91" s="613"/>
      <c r="E91" s="613"/>
      <c r="F91" s="613"/>
      <c r="G91" s="613"/>
      <c r="H91" s="613"/>
      <c r="I91" s="613"/>
      <c r="J91" s="613"/>
      <c r="K91" s="613"/>
      <c r="L91" s="613"/>
      <c r="M91" s="613"/>
      <c r="N91" s="613"/>
      <c r="O91" s="613"/>
      <c r="P91" s="613"/>
      <c r="Q91" s="613"/>
      <c r="R91" s="613"/>
      <c r="S91" s="613"/>
      <c r="T91" s="613"/>
    </row>
    <row r="92" spans="1:20">
      <c r="A92" s="613"/>
      <c r="B92" s="613"/>
      <c r="C92" s="613"/>
      <c r="D92" s="613"/>
      <c r="E92" s="613"/>
      <c r="F92" s="613"/>
      <c r="G92" s="613"/>
      <c r="H92" s="613"/>
      <c r="I92" s="613"/>
      <c r="J92" s="613"/>
      <c r="K92" s="613"/>
      <c r="L92" s="613"/>
      <c r="M92" s="613"/>
      <c r="N92" s="613"/>
      <c r="O92" s="613"/>
      <c r="P92" s="613"/>
      <c r="Q92" s="613"/>
      <c r="R92" s="613"/>
      <c r="S92" s="613"/>
      <c r="T92" s="613"/>
    </row>
  </sheetData>
  <mergeCells count="430">
    <mergeCell ref="B89:H89"/>
    <mergeCell ref="I89:J89"/>
    <mergeCell ref="L89:M89"/>
    <mergeCell ref="O89:P89"/>
    <mergeCell ref="R89:T89"/>
    <mergeCell ref="B90:H90"/>
    <mergeCell ref="I90:K90"/>
    <mergeCell ref="O90:P90"/>
    <mergeCell ref="R90:S90"/>
    <mergeCell ref="R87:T87"/>
    <mergeCell ref="G88:H88"/>
    <mergeCell ref="I88:J88"/>
    <mergeCell ref="L88:M88"/>
    <mergeCell ref="O88:P88"/>
    <mergeCell ref="R88:T88"/>
    <mergeCell ref="E86:F88"/>
    <mergeCell ref="G86:H86"/>
    <mergeCell ref="I86:J86"/>
    <mergeCell ref="L86:M86"/>
    <mergeCell ref="O86:P86"/>
    <mergeCell ref="R86:T86"/>
    <mergeCell ref="G87:H87"/>
    <mergeCell ref="I87:J87"/>
    <mergeCell ref="L87:M87"/>
    <mergeCell ref="O87:P87"/>
    <mergeCell ref="E84:H84"/>
    <mergeCell ref="I84:T84"/>
    <mergeCell ref="B85:H85"/>
    <mergeCell ref="I85:J85"/>
    <mergeCell ref="L85:M85"/>
    <mergeCell ref="O85:P85"/>
    <mergeCell ref="R85:T85"/>
    <mergeCell ref="S82:T82"/>
    <mergeCell ref="E83:F83"/>
    <mergeCell ref="G83:H83"/>
    <mergeCell ref="I83:J83"/>
    <mergeCell ref="K83:L83"/>
    <mergeCell ref="M83:N83"/>
    <mergeCell ref="O83:P83"/>
    <mergeCell ref="Q83:R83"/>
    <mergeCell ref="S83:T83"/>
    <mergeCell ref="A81:A90"/>
    <mergeCell ref="B81:T81"/>
    <mergeCell ref="B82:D84"/>
    <mergeCell ref="E82:F82"/>
    <mergeCell ref="G82:H82"/>
    <mergeCell ref="I82:J82"/>
    <mergeCell ref="K82:L82"/>
    <mergeCell ref="M82:N82"/>
    <mergeCell ref="O82:P82"/>
    <mergeCell ref="Q82:R82"/>
    <mergeCell ref="B79:H79"/>
    <mergeCell ref="I79:J79"/>
    <mergeCell ref="L79:M79"/>
    <mergeCell ref="O79:P79"/>
    <mergeCell ref="R79:T79"/>
    <mergeCell ref="B80:H80"/>
    <mergeCell ref="I80:K80"/>
    <mergeCell ref="O80:P80"/>
    <mergeCell ref="R80:S80"/>
    <mergeCell ref="R77:T77"/>
    <mergeCell ref="G78:H78"/>
    <mergeCell ref="I78:J78"/>
    <mergeCell ref="L78:M78"/>
    <mergeCell ref="O78:P78"/>
    <mergeCell ref="R78:T78"/>
    <mergeCell ref="E76:F78"/>
    <mergeCell ref="G76:H76"/>
    <mergeCell ref="I76:J76"/>
    <mergeCell ref="L76:M76"/>
    <mergeCell ref="O76:P76"/>
    <mergeCell ref="R76:T76"/>
    <mergeCell ref="G77:H77"/>
    <mergeCell ref="I77:J77"/>
    <mergeCell ref="L77:M77"/>
    <mergeCell ref="O77:P77"/>
    <mergeCell ref="E74:H74"/>
    <mergeCell ref="I74:T74"/>
    <mergeCell ref="B75:H75"/>
    <mergeCell ref="I75:J75"/>
    <mergeCell ref="L75:M75"/>
    <mergeCell ref="O75:P75"/>
    <mergeCell ref="R75:T75"/>
    <mergeCell ref="S72:T72"/>
    <mergeCell ref="E73:F73"/>
    <mergeCell ref="G73:H73"/>
    <mergeCell ref="I73:J73"/>
    <mergeCell ref="K73:L73"/>
    <mergeCell ref="M73:N73"/>
    <mergeCell ref="O73:P73"/>
    <mergeCell ref="Q73:R73"/>
    <mergeCell ref="S73:T73"/>
    <mergeCell ref="A71:A80"/>
    <mergeCell ref="B71:T71"/>
    <mergeCell ref="B72:D74"/>
    <mergeCell ref="E72:F72"/>
    <mergeCell ref="G72:H72"/>
    <mergeCell ref="I72:J72"/>
    <mergeCell ref="K72:L72"/>
    <mergeCell ref="M72:N72"/>
    <mergeCell ref="O72:P72"/>
    <mergeCell ref="Q72:R72"/>
    <mergeCell ref="B69:H69"/>
    <mergeCell ref="I69:J69"/>
    <mergeCell ref="L69:M69"/>
    <mergeCell ref="O69:P69"/>
    <mergeCell ref="R69:T69"/>
    <mergeCell ref="B70:H70"/>
    <mergeCell ref="I70:K70"/>
    <mergeCell ref="O70:P70"/>
    <mergeCell ref="R70:S70"/>
    <mergeCell ref="R67:T67"/>
    <mergeCell ref="G68:H68"/>
    <mergeCell ref="I68:J68"/>
    <mergeCell ref="L68:M68"/>
    <mergeCell ref="O68:P68"/>
    <mergeCell ref="R68:T68"/>
    <mergeCell ref="E66:F68"/>
    <mergeCell ref="G66:H66"/>
    <mergeCell ref="I66:J66"/>
    <mergeCell ref="L66:M66"/>
    <mergeCell ref="O66:P66"/>
    <mergeCell ref="R66:T66"/>
    <mergeCell ref="G67:H67"/>
    <mergeCell ref="I67:J67"/>
    <mergeCell ref="L67:M67"/>
    <mergeCell ref="O67:P67"/>
    <mergeCell ref="E64:H64"/>
    <mergeCell ref="I64:T64"/>
    <mergeCell ref="B65:H65"/>
    <mergeCell ref="I65:J65"/>
    <mergeCell ref="L65:M65"/>
    <mergeCell ref="O65:P65"/>
    <mergeCell ref="R65:T65"/>
    <mergeCell ref="S62:T62"/>
    <mergeCell ref="E63:F63"/>
    <mergeCell ref="G63:H63"/>
    <mergeCell ref="I63:J63"/>
    <mergeCell ref="K63:L63"/>
    <mergeCell ref="M63:N63"/>
    <mergeCell ref="O63:P63"/>
    <mergeCell ref="Q63:R63"/>
    <mergeCell ref="S63:T63"/>
    <mergeCell ref="A61:A70"/>
    <mergeCell ref="B61:T61"/>
    <mergeCell ref="B62:D64"/>
    <mergeCell ref="E62:F62"/>
    <mergeCell ref="G62:H62"/>
    <mergeCell ref="I62:J62"/>
    <mergeCell ref="K62:L62"/>
    <mergeCell ref="M62:N62"/>
    <mergeCell ref="O62:P62"/>
    <mergeCell ref="Q62:R62"/>
    <mergeCell ref="E58:F58"/>
    <mergeCell ref="G58:T58"/>
    <mergeCell ref="A59:T59"/>
    <mergeCell ref="A60:H60"/>
    <mergeCell ref="I60:J60"/>
    <mergeCell ref="L60:Q60"/>
    <mergeCell ref="R60:S60"/>
    <mergeCell ref="E54:G55"/>
    <mergeCell ref="I54:M55"/>
    <mergeCell ref="O54:T55"/>
    <mergeCell ref="E56:T56"/>
    <mergeCell ref="B57:D58"/>
    <mergeCell ref="E57:F57"/>
    <mergeCell ref="G57:K57"/>
    <mergeCell ref="M57:N57"/>
    <mergeCell ref="O57:P57"/>
    <mergeCell ref="Q57:T57"/>
    <mergeCell ref="A49:R49"/>
    <mergeCell ref="A50:R50"/>
    <mergeCell ref="A51:A58"/>
    <mergeCell ref="B51:D51"/>
    <mergeCell ref="E51:T51"/>
    <mergeCell ref="B52:D52"/>
    <mergeCell ref="E52:T52"/>
    <mergeCell ref="B53:D56"/>
    <mergeCell ref="E53:F53"/>
    <mergeCell ref="K53:T53"/>
    <mergeCell ref="B46:H46"/>
    <mergeCell ref="I46:J46"/>
    <mergeCell ref="L46:M46"/>
    <mergeCell ref="O46:P46"/>
    <mergeCell ref="R46:T46"/>
    <mergeCell ref="B47:H47"/>
    <mergeCell ref="I47:K47"/>
    <mergeCell ref="O47:P47"/>
    <mergeCell ref="R47:S47"/>
    <mergeCell ref="R44:T44"/>
    <mergeCell ref="G45:H45"/>
    <mergeCell ref="I45:J45"/>
    <mergeCell ref="L45:M45"/>
    <mergeCell ref="O45:P45"/>
    <mergeCell ref="R45:T45"/>
    <mergeCell ref="E43:F45"/>
    <mergeCell ref="G43:H43"/>
    <mergeCell ref="I43:J43"/>
    <mergeCell ref="L43:M43"/>
    <mergeCell ref="O43:P43"/>
    <mergeCell ref="R43:T43"/>
    <mergeCell ref="G44:H44"/>
    <mergeCell ref="I44:J44"/>
    <mergeCell ref="L44:M44"/>
    <mergeCell ref="O44:P44"/>
    <mergeCell ref="S40:T40"/>
    <mergeCell ref="E41:H41"/>
    <mergeCell ref="I41:T41"/>
    <mergeCell ref="B42:H42"/>
    <mergeCell ref="I42:J42"/>
    <mergeCell ref="L42:M42"/>
    <mergeCell ref="O42:P42"/>
    <mergeCell ref="R42:T42"/>
    <mergeCell ref="O39:P39"/>
    <mergeCell ref="Q39:R39"/>
    <mergeCell ref="S39:T39"/>
    <mergeCell ref="E40:F40"/>
    <mergeCell ref="G40:H40"/>
    <mergeCell ref="I40:J40"/>
    <mergeCell ref="K40:L40"/>
    <mergeCell ref="M40:N40"/>
    <mergeCell ref="O40:P40"/>
    <mergeCell ref="Q40:R40"/>
    <mergeCell ref="O37:P37"/>
    <mergeCell ref="Q37:R37"/>
    <mergeCell ref="S37:T37"/>
    <mergeCell ref="B38:T38"/>
    <mergeCell ref="B39:D41"/>
    <mergeCell ref="E39:F39"/>
    <mergeCell ref="G39:H39"/>
    <mergeCell ref="I39:J39"/>
    <mergeCell ref="K39:L39"/>
    <mergeCell ref="M39:N39"/>
    <mergeCell ref="M36:N36"/>
    <mergeCell ref="O36:P36"/>
    <mergeCell ref="Q36:R36"/>
    <mergeCell ref="S36:T36"/>
    <mergeCell ref="C37:D37"/>
    <mergeCell ref="E37:F37"/>
    <mergeCell ref="G37:H37"/>
    <mergeCell ref="I37:J37"/>
    <mergeCell ref="K37:L37"/>
    <mergeCell ref="M37:N37"/>
    <mergeCell ref="K35:L35"/>
    <mergeCell ref="M35:N35"/>
    <mergeCell ref="O35:P35"/>
    <mergeCell ref="Q35:R35"/>
    <mergeCell ref="S35:T35"/>
    <mergeCell ref="C36:D36"/>
    <mergeCell ref="E36:F36"/>
    <mergeCell ref="G36:H36"/>
    <mergeCell ref="I36:J36"/>
    <mergeCell ref="K36:L36"/>
    <mergeCell ref="A33:A47"/>
    <mergeCell ref="B33:T33"/>
    <mergeCell ref="B34:D35"/>
    <mergeCell ref="E34:H34"/>
    <mergeCell ref="I34:L34"/>
    <mergeCell ref="M34:P34"/>
    <mergeCell ref="Q34:T34"/>
    <mergeCell ref="E35:F35"/>
    <mergeCell ref="G35:H35"/>
    <mergeCell ref="I35:J35"/>
    <mergeCell ref="B31:H31"/>
    <mergeCell ref="I31:J31"/>
    <mergeCell ref="L31:M31"/>
    <mergeCell ref="O31:P31"/>
    <mergeCell ref="R31:T31"/>
    <mergeCell ref="B32:H32"/>
    <mergeCell ref="I32:K32"/>
    <mergeCell ref="O32:P32"/>
    <mergeCell ref="R32:S32"/>
    <mergeCell ref="R29:T29"/>
    <mergeCell ref="G30:H30"/>
    <mergeCell ref="I30:J30"/>
    <mergeCell ref="L30:M30"/>
    <mergeCell ref="O30:P30"/>
    <mergeCell ref="R30:T30"/>
    <mergeCell ref="E28:F30"/>
    <mergeCell ref="G28:H28"/>
    <mergeCell ref="I28:J28"/>
    <mergeCell ref="L28:M28"/>
    <mergeCell ref="O28:P28"/>
    <mergeCell ref="R28:T28"/>
    <mergeCell ref="G29:H29"/>
    <mergeCell ref="I29:J29"/>
    <mergeCell ref="L29:M29"/>
    <mergeCell ref="O29:P29"/>
    <mergeCell ref="S25:T25"/>
    <mergeCell ref="E26:H26"/>
    <mergeCell ref="I26:T26"/>
    <mergeCell ref="B27:H27"/>
    <mergeCell ref="I27:J27"/>
    <mergeCell ref="L27:M27"/>
    <mergeCell ref="O27:P27"/>
    <mergeCell ref="R27:T27"/>
    <mergeCell ref="O24:P24"/>
    <mergeCell ref="Q24:R24"/>
    <mergeCell ref="S24:T24"/>
    <mergeCell ref="E25:F25"/>
    <mergeCell ref="G25:H25"/>
    <mergeCell ref="I25:J25"/>
    <mergeCell ref="K25:L25"/>
    <mergeCell ref="M25:N25"/>
    <mergeCell ref="O25:P25"/>
    <mergeCell ref="Q25:R25"/>
    <mergeCell ref="O22:P22"/>
    <mergeCell ref="Q22:R22"/>
    <mergeCell ref="S22:T22"/>
    <mergeCell ref="B23:T23"/>
    <mergeCell ref="B24:D26"/>
    <mergeCell ref="E24:F24"/>
    <mergeCell ref="G24:H24"/>
    <mergeCell ref="I24:J24"/>
    <mergeCell ref="K24:L24"/>
    <mergeCell ref="M24:N24"/>
    <mergeCell ref="M21:N21"/>
    <mergeCell ref="O21:P21"/>
    <mergeCell ref="Q21:R21"/>
    <mergeCell ref="S21:T21"/>
    <mergeCell ref="C22:D22"/>
    <mergeCell ref="E22:F22"/>
    <mergeCell ref="G22:H22"/>
    <mergeCell ref="I22:J22"/>
    <mergeCell ref="K22:L22"/>
    <mergeCell ref="M22:N22"/>
    <mergeCell ref="K20:L20"/>
    <mergeCell ref="M20:N20"/>
    <mergeCell ref="O20:P20"/>
    <mergeCell ref="Q20:R20"/>
    <mergeCell ref="S20:T20"/>
    <mergeCell ref="C21:D21"/>
    <mergeCell ref="E21:F21"/>
    <mergeCell ref="G21:H21"/>
    <mergeCell ref="I21:J21"/>
    <mergeCell ref="K21:L21"/>
    <mergeCell ref="A18:A32"/>
    <mergeCell ref="B18:T18"/>
    <mergeCell ref="B19:D20"/>
    <mergeCell ref="E19:H19"/>
    <mergeCell ref="I19:L19"/>
    <mergeCell ref="M19:P19"/>
    <mergeCell ref="Q19:T19"/>
    <mergeCell ref="E20:F20"/>
    <mergeCell ref="G20:H20"/>
    <mergeCell ref="I20:J20"/>
    <mergeCell ref="B16:H16"/>
    <mergeCell ref="I16:J16"/>
    <mergeCell ref="L16:M16"/>
    <mergeCell ref="O16:P16"/>
    <mergeCell ref="R16:T16"/>
    <mergeCell ref="B17:H17"/>
    <mergeCell ref="I17:K17"/>
    <mergeCell ref="O17:P17"/>
    <mergeCell ref="R17:S17"/>
    <mergeCell ref="R14:T14"/>
    <mergeCell ref="G15:H15"/>
    <mergeCell ref="I15:J15"/>
    <mergeCell ref="L15:M15"/>
    <mergeCell ref="O15:P15"/>
    <mergeCell ref="R15:T15"/>
    <mergeCell ref="E13:F15"/>
    <mergeCell ref="G13:H13"/>
    <mergeCell ref="I13:J13"/>
    <mergeCell ref="L13:M13"/>
    <mergeCell ref="O13:P13"/>
    <mergeCell ref="R13:T13"/>
    <mergeCell ref="G14:H14"/>
    <mergeCell ref="I14:J14"/>
    <mergeCell ref="L14:M14"/>
    <mergeCell ref="O14:P14"/>
    <mergeCell ref="E11:H11"/>
    <mergeCell ref="I11:T11"/>
    <mergeCell ref="B12:H12"/>
    <mergeCell ref="I12:J12"/>
    <mergeCell ref="L12:M12"/>
    <mergeCell ref="O12:P12"/>
    <mergeCell ref="R12:T12"/>
    <mergeCell ref="Q9:R9"/>
    <mergeCell ref="S9:T9"/>
    <mergeCell ref="E10:F10"/>
    <mergeCell ref="G10:H10"/>
    <mergeCell ref="I10:J10"/>
    <mergeCell ref="K10:L10"/>
    <mergeCell ref="M10:N10"/>
    <mergeCell ref="O10:P10"/>
    <mergeCell ref="Q10:R10"/>
    <mergeCell ref="S10:T10"/>
    <mergeCell ref="Q7:R7"/>
    <mergeCell ref="S7:T7"/>
    <mergeCell ref="B8:T8"/>
    <mergeCell ref="B9:D11"/>
    <mergeCell ref="E9:F9"/>
    <mergeCell ref="G9:H9"/>
    <mergeCell ref="I9:J9"/>
    <mergeCell ref="K9:L9"/>
    <mergeCell ref="M9:N9"/>
    <mergeCell ref="O9:P9"/>
    <mergeCell ref="O6:P6"/>
    <mergeCell ref="Q6:R6"/>
    <mergeCell ref="S6:T6"/>
    <mergeCell ref="C7:D7"/>
    <mergeCell ref="E7:F7"/>
    <mergeCell ref="G7:H7"/>
    <mergeCell ref="I7:J7"/>
    <mergeCell ref="K7:L7"/>
    <mergeCell ref="M7:N7"/>
    <mergeCell ref="O7:P7"/>
    <mergeCell ref="C6:D6"/>
    <mergeCell ref="E6:F6"/>
    <mergeCell ref="G6:H6"/>
    <mergeCell ref="I6:J6"/>
    <mergeCell ref="K6:L6"/>
    <mergeCell ref="M6:N6"/>
    <mergeCell ref="I5:J5"/>
    <mergeCell ref="K5:L5"/>
    <mergeCell ref="M5:N5"/>
    <mergeCell ref="O5:P5"/>
    <mergeCell ref="Q5:R5"/>
    <mergeCell ref="S5:T5"/>
    <mergeCell ref="A1:R1"/>
    <mergeCell ref="A3:A17"/>
    <mergeCell ref="B3:T3"/>
    <mergeCell ref="B4:D5"/>
    <mergeCell ref="E4:H4"/>
    <mergeCell ref="I4:L4"/>
    <mergeCell ref="M4:P4"/>
    <mergeCell ref="Q4:T4"/>
    <mergeCell ref="E5:F5"/>
    <mergeCell ref="G5:H5"/>
  </mergeCells>
  <phoneticPr fontId="3"/>
  <dataValidations count="1">
    <dataValidation type="list" allowBlank="1" showInputMessage="1" showErrorMessage="1" sqref="E25:T25 E40:T40 E10:T10 E73:T73 E63:T63 E83:T83" xr:uid="{DF423538-6428-4D5A-B756-E3B2608EA8A4}">
      <formula1>"〇"</formula1>
    </dataValidation>
  </dataValidations>
  <printOptions horizontalCentered="1"/>
  <pageMargins left="0.70866141732283472" right="0.70866141732283472" top="0.74803149606299213" bottom="0.74803149606299213" header="0.31496062992125984" footer="0.31496062992125984"/>
  <pageSetup paperSize="9" scale="49" orientation="portrait" r:id="rId1"/>
  <headerFooter alignWithMargins="0"/>
  <rowBreaks count="1" manualBreakCount="1">
    <brk id="48" max="16383" man="1"/>
  </rowBreaks>
  <colBreaks count="1" manualBreakCount="1">
    <brk id="20" max="1048575" man="1"/>
  </colBreaks>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3E678A-636C-49B8-8E5B-AD786640982F}">
  <sheetPr>
    <pageSetUpPr fitToPage="1"/>
  </sheetPr>
  <dimension ref="A1:AE124"/>
  <sheetViews>
    <sheetView view="pageBreakPreview" zoomScaleNormal="100" zoomScaleSheetLayoutView="100" workbookViewId="0">
      <selection activeCell="A2" sqref="A2:AK77"/>
    </sheetView>
  </sheetViews>
  <sheetFormatPr defaultColWidth="9.125" defaultRowHeight="12"/>
  <cols>
    <col min="1" max="1" width="6" style="306" customWidth="1"/>
    <col min="2" max="2" width="2.75" style="306" customWidth="1"/>
    <col min="3" max="3" width="9.125" style="306" customWidth="1"/>
    <col min="4" max="4" width="8.375" style="306" customWidth="1"/>
    <col min="5" max="5" width="6.125" style="306" customWidth="1"/>
    <col min="6" max="6" width="7.625" style="306" customWidth="1"/>
    <col min="7" max="19" width="6" style="306" customWidth="1"/>
    <col min="20" max="20" width="7.875" style="306" customWidth="1"/>
    <col min="21" max="30" width="6" style="306" customWidth="1"/>
    <col min="31" max="16384" width="9.125" style="306"/>
  </cols>
  <sheetData>
    <row r="1" spans="1:30" ht="36" customHeight="1" thickBot="1">
      <c r="A1" s="250" t="s">
        <v>159</v>
      </c>
      <c r="B1" s="250"/>
      <c r="C1" s="250"/>
      <c r="D1" s="250"/>
      <c r="E1" s="250"/>
      <c r="F1" s="250"/>
      <c r="G1" s="250"/>
      <c r="H1" s="250"/>
      <c r="I1" s="250"/>
      <c r="J1" s="250"/>
      <c r="K1" s="250"/>
      <c r="L1" s="250"/>
      <c r="M1" s="250"/>
      <c r="N1" s="250"/>
      <c r="O1" s="250"/>
      <c r="P1" s="250"/>
      <c r="Q1" s="250"/>
      <c r="R1" s="250"/>
      <c r="S1" s="250"/>
      <c r="T1" s="250"/>
      <c r="U1" s="250"/>
      <c r="V1" s="250"/>
      <c r="W1" s="306" t="s">
        <v>51</v>
      </c>
      <c r="X1" s="306" t="s">
        <v>143</v>
      </c>
    </row>
    <row r="2" spans="1:30" s="2" customFormat="1" ht="15" customHeight="1">
      <c r="A2" s="251" t="s">
        <v>1</v>
      </c>
      <c r="B2" s="728" t="s">
        <v>2</v>
      </c>
      <c r="C2" s="729"/>
      <c r="D2" s="729"/>
      <c r="E2" s="730"/>
      <c r="F2" s="731"/>
      <c r="G2" s="731"/>
      <c r="H2" s="731"/>
      <c r="I2" s="731"/>
      <c r="J2" s="731"/>
      <c r="K2" s="731"/>
      <c r="L2" s="731"/>
      <c r="M2" s="731"/>
      <c r="N2" s="731"/>
      <c r="O2" s="731"/>
      <c r="P2" s="731"/>
      <c r="Q2" s="731"/>
      <c r="R2" s="731"/>
      <c r="S2" s="731"/>
      <c r="T2" s="731"/>
      <c r="U2" s="731"/>
      <c r="V2" s="732"/>
    </row>
    <row r="3" spans="1:30" ht="15" customHeight="1">
      <c r="A3" s="254"/>
      <c r="B3" s="733" t="s">
        <v>3</v>
      </c>
      <c r="C3" s="734"/>
      <c r="D3" s="735"/>
      <c r="E3" s="736"/>
      <c r="F3" s="737"/>
      <c r="G3" s="737"/>
      <c r="H3" s="737"/>
      <c r="I3" s="737"/>
      <c r="J3" s="737"/>
      <c r="K3" s="737"/>
      <c r="L3" s="737"/>
      <c r="M3" s="737"/>
      <c r="N3" s="737"/>
      <c r="O3" s="737"/>
      <c r="P3" s="737"/>
      <c r="Q3" s="737"/>
      <c r="R3" s="737"/>
      <c r="S3" s="737"/>
      <c r="T3" s="737"/>
      <c r="U3" s="737"/>
      <c r="V3" s="738"/>
    </row>
    <row r="4" spans="1:30" ht="30" customHeight="1">
      <c r="A4" s="254"/>
      <c r="B4" s="260" t="s">
        <v>59</v>
      </c>
      <c r="C4" s="260"/>
      <c r="D4" s="261"/>
      <c r="E4" s="262"/>
      <c r="F4" s="263"/>
      <c r="G4" s="263"/>
      <c r="H4" s="263"/>
      <c r="I4" s="263"/>
      <c r="J4" s="263"/>
      <c r="K4" s="263"/>
      <c r="L4" s="263"/>
      <c r="M4" s="263"/>
      <c r="N4" s="263"/>
      <c r="O4" s="263"/>
      <c r="P4" s="263"/>
      <c r="Q4" s="263"/>
      <c r="R4" s="263"/>
      <c r="S4" s="263"/>
      <c r="T4" s="263"/>
      <c r="U4" s="263"/>
      <c r="V4" s="264"/>
    </row>
    <row r="5" spans="1:30" ht="15" customHeight="1">
      <c r="A5" s="254"/>
      <c r="B5" s="265" t="s">
        <v>60</v>
      </c>
      <c r="C5" s="266"/>
      <c r="D5" s="267"/>
      <c r="E5" s="268" t="s">
        <v>61</v>
      </c>
      <c r="F5" s="266"/>
      <c r="G5" s="266"/>
      <c r="H5" s="269"/>
      <c r="I5" s="269"/>
      <c r="J5" s="270" t="s">
        <v>62</v>
      </c>
      <c r="K5" s="269"/>
      <c r="L5" s="269"/>
      <c r="M5" s="270" t="s">
        <v>63</v>
      </c>
      <c r="N5" s="266"/>
      <c r="O5" s="266"/>
      <c r="P5" s="266"/>
      <c r="Q5" s="266"/>
      <c r="R5" s="266"/>
      <c r="S5" s="266"/>
      <c r="T5" s="266"/>
      <c r="U5" s="266"/>
      <c r="V5" s="271"/>
      <c r="W5" s="306" t="s">
        <v>51</v>
      </c>
    </row>
    <row r="6" spans="1:30" ht="15" customHeight="1">
      <c r="A6" s="254"/>
      <c r="B6" s="272"/>
      <c r="C6" s="273"/>
      <c r="D6" s="274"/>
      <c r="E6" s="275"/>
      <c r="F6" s="276"/>
      <c r="G6" s="276"/>
      <c r="H6" s="277" t="s">
        <v>64</v>
      </c>
      <c r="I6" s="278" t="s">
        <v>65</v>
      </c>
      <c r="J6" s="276"/>
      <c r="K6" s="276"/>
      <c r="L6" s="276"/>
      <c r="M6" s="276"/>
      <c r="N6" s="276"/>
      <c r="O6" s="277" t="s">
        <v>66</v>
      </c>
      <c r="P6" s="278" t="s">
        <v>67</v>
      </c>
      <c r="Q6" s="276"/>
      <c r="R6" s="276"/>
      <c r="S6" s="276"/>
      <c r="T6" s="276"/>
      <c r="U6" s="276"/>
      <c r="V6" s="279"/>
      <c r="W6" s="280"/>
      <c r="X6" s="280"/>
      <c r="Y6" s="280"/>
      <c r="Z6" s="280"/>
      <c r="AA6" s="280"/>
      <c r="AB6" s="280"/>
      <c r="AC6" s="280"/>
      <c r="AD6" s="280"/>
    </row>
    <row r="7" spans="1:30" ht="15" customHeight="1">
      <c r="A7" s="254"/>
      <c r="B7" s="272"/>
      <c r="C7" s="273"/>
      <c r="D7" s="274"/>
      <c r="E7" s="275"/>
      <c r="F7" s="276"/>
      <c r="G7" s="276"/>
      <c r="H7" s="277" t="s">
        <v>68</v>
      </c>
      <c r="I7" s="278" t="s">
        <v>69</v>
      </c>
      <c r="J7" s="276"/>
      <c r="K7" s="276"/>
      <c r="L7" s="276"/>
      <c r="M7" s="276"/>
      <c r="N7" s="276"/>
      <c r="O7" s="277" t="s">
        <v>70</v>
      </c>
      <c r="P7" s="278" t="s">
        <v>71</v>
      </c>
      <c r="Q7" s="276"/>
      <c r="R7" s="276"/>
      <c r="S7" s="276"/>
      <c r="T7" s="276"/>
      <c r="U7" s="276"/>
      <c r="V7" s="279"/>
      <c r="W7" s="280"/>
      <c r="X7" s="280"/>
      <c r="Y7" s="280"/>
      <c r="Z7" s="280"/>
      <c r="AA7" s="280"/>
      <c r="AB7" s="280"/>
      <c r="AC7" s="280"/>
      <c r="AD7" s="280"/>
    </row>
    <row r="8" spans="1:30" ht="18.95" customHeight="1">
      <c r="A8" s="254"/>
      <c r="B8" s="281"/>
      <c r="C8" s="282"/>
      <c r="D8" s="283"/>
      <c r="E8" s="257"/>
      <c r="F8" s="258"/>
      <c r="G8" s="258"/>
      <c r="H8" s="258"/>
      <c r="I8" s="258"/>
      <c r="J8" s="258"/>
      <c r="K8" s="258"/>
      <c r="L8" s="258"/>
      <c r="M8" s="258"/>
      <c r="N8" s="258"/>
      <c r="O8" s="258"/>
      <c r="P8" s="258"/>
      <c r="Q8" s="258"/>
      <c r="R8" s="258"/>
      <c r="S8" s="258"/>
      <c r="T8" s="258"/>
      <c r="U8" s="258"/>
      <c r="V8" s="259"/>
    </row>
    <row r="9" spans="1:30" ht="15" customHeight="1">
      <c r="A9" s="254"/>
      <c r="B9" s="266" t="s">
        <v>13</v>
      </c>
      <c r="C9" s="266"/>
      <c r="D9" s="266"/>
      <c r="E9" s="284" t="s">
        <v>72</v>
      </c>
      <c r="F9" s="285"/>
      <c r="G9" s="286"/>
      <c r="H9" s="287"/>
      <c r="I9" s="287"/>
      <c r="J9" s="287"/>
      <c r="K9" s="288" t="s">
        <v>15</v>
      </c>
      <c r="L9" s="288"/>
      <c r="M9" s="289"/>
      <c r="N9" s="290"/>
      <c r="O9" s="291" t="s">
        <v>73</v>
      </c>
      <c r="P9" s="260"/>
      <c r="Q9" s="286"/>
      <c r="R9" s="287"/>
      <c r="S9" s="287"/>
      <c r="T9" s="287"/>
      <c r="U9" s="287"/>
      <c r="V9" s="292"/>
    </row>
    <row r="10" spans="1:30" ht="15" customHeight="1">
      <c r="A10" s="293"/>
      <c r="B10" s="294"/>
      <c r="C10" s="294"/>
      <c r="D10" s="294"/>
      <c r="E10" s="295" t="s">
        <v>17</v>
      </c>
      <c r="F10" s="296"/>
      <c r="G10" s="286"/>
      <c r="H10" s="287"/>
      <c r="I10" s="287"/>
      <c r="J10" s="287"/>
      <c r="K10" s="287"/>
      <c r="L10" s="287"/>
      <c r="M10" s="287"/>
      <c r="N10" s="287"/>
      <c r="O10" s="287"/>
      <c r="P10" s="287"/>
      <c r="Q10" s="287"/>
      <c r="R10" s="287"/>
      <c r="S10" s="287"/>
      <c r="T10" s="287"/>
      <c r="U10" s="287"/>
      <c r="V10" s="292"/>
    </row>
    <row r="11" spans="1:30" ht="15" customHeight="1">
      <c r="A11" s="739" t="s">
        <v>160</v>
      </c>
      <c r="B11" s="282"/>
      <c r="C11" s="282"/>
      <c r="D11" s="283"/>
      <c r="E11" s="291"/>
      <c r="F11" s="260"/>
      <c r="G11" s="260"/>
      <c r="H11" s="260"/>
      <c r="I11" s="260"/>
      <c r="J11" s="260"/>
      <c r="K11" s="266"/>
      <c r="L11" s="266"/>
      <c r="M11" s="266"/>
      <c r="N11" s="260"/>
      <c r="O11" s="260"/>
      <c r="P11" s="260"/>
      <c r="Q11" s="260"/>
      <c r="R11" s="260"/>
      <c r="S11" s="260"/>
      <c r="T11" s="260"/>
      <c r="U11" s="260"/>
      <c r="V11" s="740"/>
      <c r="Z11" s="306" t="s">
        <v>143</v>
      </c>
    </row>
    <row r="12" spans="1:30" ht="15" customHeight="1">
      <c r="A12" s="297" t="s">
        <v>18</v>
      </c>
      <c r="B12" s="291" t="s">
        <v>3</v>
      </c>
      <c r="C12" s="260"/>
      <c r="D12" s="298"/>
      <c r="E12" s="299"/>
      <c r="F12" s="300"/>
      <c r="G12" s="300"/>
      <c r="H12" s="300"/>
      <c r="I12" s="300"/>
      <c r="J12" s="308"/>
      <c r="K12" s="741" t="s">
        <v>74</v>
      </c>
      <c r="L12" s="354"/>
      <c r="M12" s="742"/>
      <c r="N12" s="743" t="s">
        <v>20</v>
      </c>
      <c r="O12" s="743"/>
      <c r="P12" s="269"/>
      <c r="Q12" s="269"/>
      <c r="R12" s="744" t="s">
        <v>75</v>
      </c>
      <c r="S12" s="269"/>
      <c r="T12" s="269"/>
      <c r="U12" s="744" t="s">
        <v>30</v>
      </c>
      <c r="V12" s="745"/>
      <c r="Z12" s="306" t="s">
        <v>51</v>
      </c>
    </row>
    <row r="13" spans="1:30" ht="15" customHeight="1">
      <c r="A13" s="297"/>
      <c r="B13" s="291" t="s">
        <v>76</v>
      </c>
      <c r="C13" s="260"/>
      <c r="D13" s="298"/>
      <c r="E13" s="299"/>
      <c r="F13" s="300"/>
      <c r="G13" s="300"/>
      <c r="H13" s="300"/>
      <c r="I13" s="300"/>
      <c r="J13" s="308"/>
      <c r="K13" s="272"/>
      <c r="L13" s="273"/>
      <c r="M13" s="746"/>
      <c r="N13" s="311"/>
      <c r="O13" s="311"/>
      <c r="P13" s="311"/>
      <c r="Q13" s="311"/>
      <c r="R13" s="311"/>
      <c r="S13" s="311"/>
      <c r="T13" s="311"/>
      <c r="U13" s="311"/>
      <c r="V13" s="312"/>
    </row>
    <row r="14" spans="1:30" ht="15" customHeight="1">
      <c r="A14" s="297"/>
      <c r="B14" s="268" t="s">
        <v>23</v>
      </c>
      <c r="C14" s="266"/>
      <c r="D14" s="747"/>
      <c r="E14" s="748"/>
      <c r="F14" s="749"/>
      <c r="G14" s="749"/>
      <c r="H14" s="749"/>
      <c r="I14" s="749"/>
      <c r="J14" s="750"/>
      <c r="K14" s="272"/>
      <c r="L14" s="751"/>
      <c r="M14" s="746"/>
      <c r="N14" s="752"/>
      <c r="O14" s="752"/>
      <c r="P14" s="752"/>
      <c r="Q14" s="752"/>
      <c r="R14" s="752"/>
      <c r="S14" s="752"/>
      <c r="T14" s="752"/>
      <c r="U14" s="752"/>
      <c r="V14" s="312"/>
    </row>
    <row r="15" spans="1:30" ht="30.95" customHeight="1">
      <c r="A15" s="753"/>
      <c r="B15" s="754" t="s">
        <v>161</v>
      </c>
      <c r="C15" s="754"/>
      <c r="D15" s="754"/>
      <c r="E15" s="754"/>
      <c r="F15" s="755"/>
      <c r="G15" s="754"/>
      <c r="H15" s="754"/>
      <c r="I15" s="754"/>
      <c r="J15" s="754"/>
      <c r="K15" s="754"/>
      <c r="L15" s="754"/>
      <c r="M15" s="754"/>
      <c r="N15" s="754"/>
      <c r="O15" s="754"/>
      <c r="P15" s="754"/>
      <c r="Q15" s="754"/>
      <c r="R15" s="754"/>
      <c r="S15" s="754"/>
      <c r="T15" s="754"/>
      <c r="U15" s="754"/>
      <c r="V15" s="756"/>
    </row>
    <row r="16" spans="1:30" ht="39.75" customHeight="1">
      <c r="A16" s="297"/>
      <c r="B16" s="757" t="s">
        <v>102</v>
      </c>
      <c r="C16" s="758"/>
      <c r="D16" s="759"/>
      <c r="E16" s="760" t="s">
        <v>103</v>
      </c>
      <c r="F16" s="760"/>
      <c r="G16" s="761"/>
      <c r="H16" s="761"/>
      <c r="I16" s="761"/>
      <c r="J16" s="761"/>
      <c r="K16" s="761"/>
      <c r="L16" s="761"/>
      <c r="M16" s="761"/>
      <c r="N16" s="761"/>
      <c r="O16" s="761"/>
      <c r="P16" s="761"/>
      <c r="Q16" s="761"/>
      <c r="R16" s="761"/>
      <c r="S16" s="761"/>
      <c r="T16" s="762" t="s">
        <v>104</v>
      </c>
      <c r="U16" s="763"/>
      <c r="V16" s="764"/>
    </row>
    <row r="17" spans="1:31" ht="41.25" customHeight="1">
      <c r="A17" s="297"/>
      <c r="B17" s="765"/>
      <c r="C17" s="766"/>
      <c r="D17" s="767"/>
      <c r="E17" s="768" t="s">
        <v>27</v>
      </c>
      <c r="F17" s="768"/>
      <c r="G17" s="769"/>
      <c r="H17" s="770"/>
      <c r="I17" s="770"/>
      <c r="J17" s="770"/>
      <c r="K17" s="770"/>
      <c r="L17" s="770"/>
      <c r="M17" s="770"/>
      <c r="N17" s="770"/>
      <c r="O17" s="770"/>
      <c r="P17" s="770"/>
      <c r="Q17" s="770"/>
      <c r="R17" s="770"/>
      <c r="S17" s="770"/>
      <c r="T17" s="770"/>
      <c r="U17" s="770"/>
      <c r="V17" s="771"/>
    </row>
    <row r="18" spans="1:31" ht="38.25" customHeight="1">
      <c r="A18" s="297"/>
      <c r="B18" s="772"/>
      <c r="C18" s="773"/>
      <c r="D18" s="774"/>
      <c r="E18" s="775"/>
      <c r="F18" s="775"/>
      <c r="G18" s="776"/>
      <c r="H18" s="777"/>
      <c r="I18" s="777"/>
      <c r="J18" s="777"/>
      <c r="K18" s="777"/>
      <c r="L18" s="777"/>
      <c r="M18" s="777"/>
      <c r="N18" s="777"/>
      <c r="O18" s="777"/>
      <c r="P18" s="777"/>
      <c r="Q18" s="777"/>
      <c r="R18" s="777"/>
      <c r="S18" s="777"/>
      <c r="T18" s="777"/>
      <c r="U18" s="777"/>
      <c r="V18" s="778"/>
    </row>
    <row r="19" spans="1:31" ht="15" customHeight="1">
      <c r="A19" s="337" t="s">
        <v>106</v>
      </c>
      <c r="B19" s="779"/>
      <c r="C19" s="779"/>
      <c r="D19" s="779"/>
      <c r="E19" s="779"/>
      <c r="F19" s="779"/>
      <c r="G19" s="779"/>
      <c r="H19" s="779"/>
      <c r="I19" s="779"/>
      <c r="J19" s="779"/>
      <c r="K19" s="779"/>
      <c r="L19" s="779"/>
      <c r="M19" s="779"/>
      <c r="N19" s="779"/>
      <c r="O19" s="779"/>
      <c r="P19" s="779"/>
      <c r="Q19" s="779"/>
      <c r="R19" s="779"/>
      <c r="S19" s="779"/>
      <c r="T19" s="779"/>
      <c r="U19" s="779"/>
      <c r="V19" s="780"/>
    </row>
    <row r="20" spans="1:31" ht="15" customHeight="1" thickBot="1">
      <c r="A20" s="519" t="s">
        <v>107</v>
      </c>
      <c r="B20" s="520"/>
      <c r="C20" s="520"/>
      <c r="D20" s="520"/>
      <c r="E20" s="520"/>
      <c r="F20" s="520"/>
      <c r="G20" s="520"/>
      <c r="H20" s="520"/>
      <c r="I20" s="781"/>
      <c r="J20" s="782"/>
      <c r="K20" s="783"/>
      <c r="L20" s="784" t="s">
        <v>108</v>
      </c>
      <c r="M20" s="528" t="s">
        <v>162</v>
      </c>
      <c r="N20" s="528"/>
      <c r="O20" s="528"/>
      <c r="P20" s="528"/>
      <c r="Q20" s="528"/>
      <c r="R20" s="528"/>
      <c r="S20" s="159"/>
      <c r="T20" s="781"/>
      <c r="U20" s="782"/>
      <c r="V20" s="785" t="s">
        <v>110</v>
      </c>
    </row>
    <row r="21" spans="1:31" ht="15" customHeight="1">
      <c r="A21" s="786" t="s">
        <v>111</v>
      </c>
      <c r="B21" s="787" t="s">
        <v>32</v>
      </c>
      <c r="C21" s="787"/>
      <c r="D21" s="787"/>
      <c r="E21" s="787"/>
      <c r="F21" s="787"/>
      <c r="G21" s="787"/>
      <c r="H21" s="787"/>
      <c r="I21" s="787"/>
      <c r="J21" s="787"/>
      <c r="K21" s="787"/>
      <c r="L21" s="787"/>
      <c r="M21" s="787"/>
      <c r="N21" s="787"/>
      <c r="O21" s="787"/>
      <c r="P21" s="787"/>
      <c r="Q21" s="787"/>
      <c r="R21" s="787"/>
      <c r="S21" s="787"/>
      <c r="T21" s="787"/>
      <c r="U21" s="787"/>
      <c r="V21" s="788"/>
    </row>
    <row r="22" spans="1:31" ht="15" customHeight="1">
      <c r="A22" s="789"/>
      <c r="B22" s="790" t="s">
        <v>33</v>
      </c>
      <c r="C22" s="791"/>
      <c r="D22" s="791"/>
      <c r="E22" s="791"/>
      <c r="F22" s="792"/>
      <c r="G22" s="793" t="s">
        <v>163</v>
      </c>
      <c r="H22" s="794"/>
      <c r="I22" s="794"/>
      <c r="J22" s="795"/>
      <c r="K22" s="362" t="s">
        <v>164</v>
      </c>
      <c r="L22" s="796"/>
      <c r="M22" s="796"/>
      <c r="N22" s="797"/>
      <c r="O22" s="362" t="s">
        <v>115</v>
      </c>
      <c r="P22" s="796"/>
      <c r="Q22" s="796"/>
      <c r="R22" s="797"/>
      <c r="S22" s="362" t="s">
        <v>165</v>
      </c>
      <c r="T22" s="796"/>
      <c r="U22" s="796"/>
      <c r="V22" s="798"/>
    </row>
    <row r="23" spans="1:31" ht="15" customHeight="1">
      <c r="A23" s="789"/>
      <c r="B23" s="799"/>
      <c r="C23" s="800"/>
      <c r="D23" s="800"/>
      <c r="E23" s="800"/>
      <c r="F23" s="801"/>
      <c r="G23" s="362" t="s">
        <v>41</v>
      </c>
      <c r="H23" s="797"/>
      <c r="I23" s="362" t="s">
        <v>42</v>
      </c>
      <c r="J23" s="797"/>
      <c r="K23" s="362" t="s">
        <v>41</v>
      </c>
      <c r="L23" s="797"/>
      <c r="M23" s="362" t="s">
        <v>42</v>
      </c>
      <c r="N23" s="797"/>
      <c r="O23" s="362" t="s">
        <v>41</v>
      </c>
      <c r="P23" s="797"/>
      <c r="Q23" s="362" t="s">
        <v>42</v>
      </c>
      <c r="R23" s="797"/>
      <c r="S23" s="362" t="s">
        <v>41</v>
      </c>
      <c r="T23" s="797"/>
      <c r="U23" s="362" t="s">
        <v>42</v>
      </c>
      <c r="V23" s="798"/>
    </row>
    <row r="24" spans="1:31" ht="15" customHeight="1">
      <c r="A24" s="789"/>
      <c r="B24" s="802"/>
      <c r="C24" s="362" t="s">
        <v>86</v>
      </c>
      <c r="D24" s="796"/>
      <c r="E24" s="796"/>
      <c r="F24" s="797"/>
      <c r="G24" s="362"/>
      <c r="H24" s="797"/>
      <c r="I24" s="362"/>
      <c r="J24" s="797"/>
      <c r="K24" s="362"/>
      <c r="L24" s="797"/>
      <c r="M24" s="362"/>
      <c r="N24" s="797"/>
      <c r="O24" s="362"/>
      <c r="P24" s="797"/>
      <c r="Q24" s="362"/>
      <c r="R24" s="797"/>
      <c r="S24" s="362"/>
      <c r="T24" s="797"/>
      <c r="U24" s="362"/>
      <c r="V24" s="798"/>
    </row>
    <row r="25" spans="1:31" ht="15" customHeight="1">
      <c r="A25" s="789"/>
      <c r="B25" s="803"/>
      <c r="C25" s="804" t="s">
        <v>46</v>
      </c>
      <c r="D25" s="796"/>
      <c r="E25" s="796"/>
      <c r="F25" s="797"/>
      <c r="G25" s="362"/>
      <c r="H25" s="797"/>
      <c r="I25" s="362"/>
      <c r="J25" s="797"/>
      <c r="K25" s="362"/>
      <c r="L25" s="797"/>
      <c r="M25" s="362"/>
      <c r="N25" s="797"/>
      <c r="O25" s="362"/>
      <c r="P25" s="797"/>
      <c r="Q25" s="362"/>
      <c r="R25" s="797"/>
      <c r="S25" s="362"/>
      <c r="T25" s="797"/>
      <c r="U25" s="362"/>
      <c r="V25" s="798"/>
    </row>
    <row r="26" spans="1:31" s="386" customFormat="1" ht="15" customHeight="1">
      <c r="A26" s="789"/>
      <c r="B26" s="805" t="s">
        <v>166</v>
      </c>
      <c r="C26" s="805"/>
      <c r="D26" s="805"/>
      <c r="E26" s="805"/>
      <c r="F26" s="805"/>
      <c r="G26" s="805"/>
      <c r="H26" s="805"/>
      <c r="I26" s="805"/>
      <c r="J26" s="805"/>
      <c r="K26" s="805"/>
      <c r="L26" s="805"/>
      <c r="M26" s="805"/>
      <c r="N26" s="805"/>
      <c r="O26" s="805"/>
      <c r="P26" s="805"/>
      <c r="Q26" s="805"/>
      <c r="R26" s="805"/>
      <c r="S26" s="805"/>
      <c r="T26" s="805"/>
      <c r="U26" s="805"/>
      <c r="V26" s="806"/>
      <c r="W26" s="306"/>
      <c r="X26" s="306"/>
      <c r="Y26" s="306"/>
      <c r="Z26" s="306"/>
      <c r="AA26" s="306"/>
      <c r="AB26" s="306"/>
      <c r="AC26" s="306"/>
      <c r="AD26" s="306"/>
      <c r="AE26" s="306"/>
    </row>
    <row r="27" spans="1:31" s="386" customFormat="1" ht="16.350000000000001" customHeight="1">
      <c r="A27" s="789"/>
      <c r="B27" s="807" t="s">
        <v>167</v>
      </c>
      <c r="C27" s="807"/>
      <c r="D27" s="807"/>
      <c r="E27" s="807"/>
      <c r="F27" s="808"/>
      <c r="G27" s="552" t="s">
        <v>120</v>
      </c>
      <c r="H27" s="809"/>
      <c r="I27" s="810" t="s">
        <v>121</v>
      </c>
      <c r="J27" s="809"/>
      <c r="K27" s="810" t="s">
        <v>122</v>
      </c>
      <c r="L27" s="809"/>
      <c r="M27" s="810" t="s">
        <v>123</v>
      </c>
      <c r="N27" s="809"/>
      <c r="O27" s="810" t="s">
        <v>124</v>
      </c>
      <c r="P27" s="809"/>
      <c r="Q27" s="810" t="s">
        <v>125</v>
      </c>
      <c r="R27" s="809"/>
      <c r="S27" s="810" t="s">
        <v>126</v>
      </c>
      <c r="T27" s="809"/>
      <c r="U27" s="810" t="s">
        <v>127</v>
      </c>
      <c r="V27" s="811"/>
      <c r="W27" s="306"/>
      <c r="X27" s="306"/>
      <c r="Y27" s="306"/>
      <c r="Z27" s="306"/>
      <c r="AA27" s="306"/>
      <c r="AB27" s="306"/>
      <c r="AC27" s="306"/>
      <c r="AD27" s="306"/>
      <c r="AE27" s="306"/>
    </row>
    <row r="28" spans="1:31" s="386" customFormat="1" ht="15.6" customHeight="1">
      <c r="A28" s="789"/>
      <c r="B28" s="812"/>
      <c r="C28" s="812"/>
      <c r="D28" s="812"/>
      <c r="E28" s="812"/>
      <c r="F28" s="813"/>
      <c r="G28" s="810"/>
      <c r="H28" s="809"/>
      <c r="I28" s="810"/>
      <c r="J28" s="809"/>
      <c r="K28" s="810"/>
      <c r="L28" s="809"/>
      <c r="M28" s="810"/>
      <c r="N28" s="809"/>
      <c r="O28" s="810"/>
      <c r="P28" s="809"/>
      <c r="Q28" s="810"/>
      <c r="R28" s="809"/>
      <c r="S28" s="810"/>
      <c r="T28" s="809"/>
      <c r="U28" s="810"/>
      <c r="V28" s="811"/>
      <c r="W28" s="306"/>
      <c r="X28" s="306"/>
      <c r="Y28" s="306"/>
      <c r="Z28" s="306"/>
      <c r="AA28" s="306"/>
      <c r="AB28" s="306"/>
      <c r="AC28" s="306"/>
      <c r="AD28" s="306"/>
      <c r="AE28" s="306"/>
    </row>
    <row r="29" spans="1:31" s="386" customFormat="1" ht="15.6" customHeight="1">
      <c r="A29" s="789"/>
      <c r="B29" s="814"/>
      <c r="C29" s="814"/>
      <c r="D29" s="814"/>
      <c r="E29" s="814"/>
      <c r="F29" s="815"/>
      <c r="G29" s="810" t="s">
        <v>128</v>
      </c>
      <c r="H29" s="552"/>
      <c r="I29" s="552"/>
      <c r="J29" s="552"/>
      <c r="K29" s="552"/>
      <c r="L29" s="809"/>
      <c r="M29" s="816"/>
      <c r="N29" s="817"/>
      <c r="O29" s="817"/>
      <c r="P29" s="817"/>
      <c r="Q29" s="817"/>
      <c r="R29" s="817"/>
      <c r="S29" s="817"/>
      <c r="T29" s="817"/>
      <c r="U29" s="817"/>
      <c r="V29" s="818"/>
      <c r="W29" s="306"/>
      <c r="X29" s="306"/>
      <c r="Y29" s="306"/>
      <c r="Z29" s="306"/>
      <c r="AA29" s="306"/>
      <c r="AB29" s="306"/>
      <c r="AC29" s="306"/>
      <c r="AD29" s="306"/>
      <c r="AE29" s="306"/>
    </row>
    <row r="30" spans="1:31" s="386" customFormat="1" ht="15.95" customHeight="1">
      <c r="A30" s="789"/>
      <c r="B30" s="819" t="s">
        <v>168</v>
      </c>
      <c r="C30" s="820"/>
      <c r="D30" s="820"/>
      <c r="E30" s="820"/>
      <c r="F30" s="32"/>
      <c r="G30" s="31"/>
      <c r="H30" s="820"/>
      <c r="I30" s="820" t="s">
        <v>130</v>
      </c>
      <c r="J30" s="820"/>
      <c r="K30" s="474"/>
      <c r="L30" s="474"/>
      <c r="M30" s="820" t="s">
        <v>169</v>
      </c>
      <c r="N30" s="820"/>
      <c r="O30" s="820"/>
      <c r="P30" s="820"/>
      <c r="Q30" s="820" t="s">
        <v>130</v>
      </c>
      <c r="R30" s="820"/>
      <c r="S30" s="34"/>
      <c r="T30" s="34"/>
      <c r="U30" s="34"/>
      <c r="V30" s="38"/>
      <c r="W30" s="306"/>
      <c r="X30" s="306"/>
      <c r="Y30" s="306"/>
      <c r="Z30" s="306"/>
      <c r="AA30" s="306"/>
      <c r="AB30" s="306"/>
      <c r="AC30" s="306"/>
      <c r="AD30" s="306"/>
      <c r="AE30" s="306"/>
    </row>
    <row r="31" spans="1:31" s="386" customFormat="1" ht="15.95" customHeight="1">
      <c r="A31" s="789"/>
      <c r="B31" s="821"/>
      <c r="C31" s="565" t="s">
        <v>132</v>
      </c>
      <c r="D31" s="566"/>
      <c r="E31" s="31" t="s">
        <v>170</v>
      </c>
      <c r="F31" s="32"/>
      <c r="G31" s="31"/>
      <c r="H31" s="820"/>
      <c r="I31" s="820" t="s">
        <v>130</v>
      </c>
      <c r="J31" s="820"/>
      <c r="K31" s="474"/>
      <c r="L31" s="474"/>
      <c r="M31" s="820" t="s">
        <v>169</v>
      </c>
      <c r="N31" s="820"/>
      <c r="O31" s="820"/>
      <c r="P31" s="820"/>
      <c r="Q31" s="820" t="s">
        <v>130</v>
      </c>
      <c r="R31" s="820"/>
      <c r="S31" s="34"/>
      <c r="T31" s="34"/>
      <c r="U31" s="34"/>
      <c r="V31" s="38"/>
      <c r="W31" s="306"/>
      <c r="X31" s="306"/>
      <c r="Y31" s="306"/>
      <c r="Z31" s="306"/>
      <c r="AA31" s="306"/>
      <c r="AB31" s="306"/>
      <c r="AC31" s="306"/>
      <c r="AD31" s="306"/>
      <c r="AE31" s="306"/>
    </row>
    <row r="32" spans="1:31" s="386" customFormat="1" ht="15.95" customHeight="1">
      <c r="A32" s="789"/>
      <c r="B32" s="822"/>
      <c r="C32" s="536"/>
      <c r="D32" s="492"/>
      <c r="E32" s="31" t="s">
        <v>134</v>
      </c>
      <c r="F32" s="32"/>
      <c r="G32" s="31"/>
      <c r="H32" s="820"/>
      <c r="I32" s="820" t="s">
        <v>130</v>
      </c>
      <c r="J32" s="820"/>
      <c r="K32" s="474"/>
      <c r="L32" s="474"/>
      <c r="M32" s="820" t="s">
        <v>169</v>
      </c>
      <c r="N32" s="820"/>
      <c r="O32" s="820"/>
      <c r="P32" s="820"/>
      <c r="Q32" s="820" t="s">
        <v>130</v>
      </c>
      <c r="R32" s="820"/>
      <c r="S32" s="34"/>
      <c r="T32" s="34"/>
      <c r="U32" s="34"/>
      <c r="V32" s="38"/>
      <c r="W32" s="306"/>
      <c r="X32" s="306"/>
      <c r="Y32" s="306"/>
      <c r="Z32" s="306"/>
      <c r="AA32" s="306"/>
      <c r="AB32" s="306"/>
      <c r="AC32" s="306"/>
      <c r="AD32" s="306"/>
      <c r="AE32" s="306"/>
    </row>
    <row r="33" spans="1:31" s="386" customFormat="1" ht="15.95" customHeight="1">
      <c r="A33" s="789"/>
      <c r="B33" s="823"/>
      <c r="C33" s="548"/>
      <c r="D33" s="569"/>
      <c r="E33" s="31" t="s">
        <v>171</v>
      </c>
      <c r="F33" s="32"/>
      <c r="G33" s="31"/>
      <c r="H33" s="820"/>
      <c r="I33" s="820" t="s">
        <v>130</v>
      </c>
      <c r="J33" s="820"/>
      <c r="K33" s="474"/>
      <c r="L33" s="474"/>
      <c r="M33" s="820" t="s">
        <v>169</v>
      </c>
      <c r="N33" s="820"/>
      <c r="O33" s="820"/>
      <c r="P33" s="820"/>
      <c r="Q33" s="820" t="s">
        <v>130</v>
      </c>
      <c r="R33" s="820"/>
      <c r="S33" s="34"/>
      <c r="T33" s="34"/>
      <c r="U33" s="34"/>
      <c r="V33" s="38"/>
      <c r="W33" s="306"/>
      <c r="X33" s="306"/>
      <c r="Y33" s="306"/>
      <c r="Z33" s="306"/>
      <c r="AA33" s="306"/>
      <c r="AB33" s="306"/>
      <c r="AC33" s="306"/>
      <c r="AD33" s="306"/>
      <c r="AE33" s="306"/>
    </row>
    <row r="34" spans="1:31" s="386" customFormat="1" ht="16.350000000000001" customHeight="1">
      <c r="A34" s="789"/>
      <c r="B34" s="608" t="s">
        <v>136</v>
      </c>
      <c r="C34" s="608"/>
      <c r="D34" s="608"/>
      <c r="E34" s="608"/>
      <c r="F34" s="566"/>
      <c r="G34" s="31"/>
      <c r="H34" s="820"/>
      <c r="I34" s="820" t="s">
        <v>130</v>
      </c>
      <c r="J34" s="820"/>
      <c r="K34" s="474"/>
      <c r="L34" s="474"/>
      <c r="M34" s="820" t="s">
        <v>169</v>
      </c>
      <c r="N34" s="820"/>
      <c r="O34" s="820"/>
      <c r="P34" s="820"/>
      <c r="Q34" s="820" t="s">
        <v>130</v>
      </c>
      <c r="R34" s="820"/>
      <c r="S34" s="34"/>
      <c r="T34" s="34"/>
      <c r="U34" s="34"/>
      <c r="V34" s="38"/>
      <c r="W34" s="306"/>
      <c r="X34" s="306"/>
      <c r="Y34" s="306"/>
      <c r="Z34" s="306"/>
      <c r="AA34" s="306"/>
      <c r="AB34" s="306"/>
      <c r="AC34" s="306"/>
      <c r="AD34" s="306"/>
      <c r="AE34" s="306"/>
    </row>
    <row r="35" spans="1:31" s="386" customFormat="1" ht="16.350000000000001" customHeight="1" thickBot="1">
      <c r="A35" s="789"/>
      <c r="B35" s="824" t="s">
        <v>137</v>
      </c>
      <c r="C35" s="528"/>
      <c r="D35" s="528"/>
      <c r="E35" s="528"/>
      <c r="F35" s="159"/>
      <c r="G35" s="576"/>
      <c r="H35" s="577"/>
      <c r="I35" s="577"/>
      <c r="J35" s="577"/>
      <c r="K35" s="579"/>
      <c r="L35" s="578" t="s">
        <v>172</v>
      </c>
      <c r="M35" s="528"/>
      <c r="N35" s="528"/>
      <c r="O35" s="581"/>
      <c r="P35" s="582"/>
      <c r="Q35" s="582"/>
      <c r="R35" s="825"/>
      <c r="S35" s="825"/>
      <c r="T35" s="585"/>
      <c r="U35" s="825"/>
      <c r="V35" s="583"/>
      <c r="W35" s="306"/>
      <c r="X35" s="306"/>
      <c r="Y35" s="306"/>
      <c r="Z35" s="306"/>
      <c r="AA35" s="306"/>
      <c r="AB35" s="306"/>
      <c r="AC35" s="306"/>
      <c r="AD35" s="306"/>
      <c r="AE35" s="306"/>
    </row>
    <row r="36" spans="1:31" ht="15" customHeight="1">
      <c r="A36" s="786" t="s">
        <v>139</v>
      </c>
      <c r="B36" s="787" t="s">
        <v>32</v>
      </c>
      <c r="C36" s="787"/>
      <c r="D36" s="787"/>
      <c r="E36" s="787"/>
      <c r="F36" s="787"/>
      <c r="G36" s="787"/>
      <c r="H36" s="787"/>
      <c r="I36" s="787"/>
      <c r="J36" s="787"/>
      <c r="K36" s="787"/>
      <c r="L36" s="787"/>
      <c r="M36" s="787"/>
      <c r="N36" s="787"/>
      <c r="O36" s="787"/>
      <c r="P36" s="787"/>
      <c r="Q36" s="787"/>
      <c r="R36" s="787"/>
      <c r="S36" s="787"/>
      <c r="T36" s="787"/>
      <c r="U36" s="787"/>
      <c r="V36" s="788"/>
    </row>
    <row r="37" spans="1:31" ht="15" customHeight="1">
      <c r="A37" s="789"/>
      <c r="B37" s="790" t="s">
        <v>33</v>
      </c>
      <c r="C37" s="791"/>
      <c r="D37" s="791"/>
      <c r="E37" s="791"/>
      <c r="F37" s="792"/>
      <c r="G37" s="793" t="s">
        <v>163</v>
      </c>
      <c r="H37" s="794"/>
      <c r="I37" s="794"/>
      <c r="J37" s="795"/>
      <c r="K37" s="362" t="s">
        <v>164</v>
      </c>
      <c r="L37" s="796"/>
      <c r="M37" s="796"/>
      <c r="N37" s="797"/>
      <c r="O37" s="362" t="s">
        <v>115</v>
      </c>
      <c r="P37" s="796"/>
      <c r="Q37" s="796"/>
      <c r="R37" s="797"/>
      <c r="S37" s="362" t="s">
        <v>165</v>
      </c>
      <c r="T37" s="796"/>
      <c r="U37" s="796"/>
      <c r="V37" s="798"/>
    </row>
    <row r="38" spans="1:31" ht="15" customHeight="1">
      <c r="A38" s="789"/>
      <c r="B38" s="799"/>
      <c r="C38" s="800"/>
      <c r="D38" s="800"/>
      <c r="E38" s="800"/>
      <c r="F38" s="801"/>
      <c r="G38" s="362" t="s">
        <v>41</v>
      </c>
      <c r="H38" s="797"/>
      <c r="I38" s="362" t="s">
        <v>42</v>
      </c>
      <c r="J38" s="797"/>
      <c r="K38" s="362" t="s">
        <v>41</v>
      </c>
      <c r="L38" s="797"/>
      <c r="M38" s="362" t="s">
        <v>42</v>
      </c>
      <c r="N38" s="797"/>
      <c r="O38" s="362" t="s">
        <v>41</v>
      </c>
      <c r="P38" s="797"/>
      <c r="Q38" s="362" t="s">
        <v>42</v>
      </c>
      <c r="R38" s="797"/>
      <c r="S38" s="362" t="s">
        <v>41</v>
      </c>
      <c r="T38" s="797"/>
      <c r="U38" s="362" t="s">
        <v>42</v>
      </c>
      <c r="V38" s="798"/>
    </row>
    <row r="39" spans="1:31" ht="15" customHeight="1">
      <c r="A39" s="789"/>
      <c r="B39" s="802"/>
      <c r="C39" s="362" t="s">
        <v>86</v>
      </c>
      <c r="D39" s="796"/>
      <c r="E39" s="796"/>
      <c r="F39" s="797"/>
      <c r="G39" s="362"/>
      <c r="H39" s="797"/>
      <c r="I39" s="362"/>
      <c r="J39" s="797"/>
      <c r="K39" s="362"/>
      <c r="L39" s="797"/>
      <c r="M39" s="362"/>
      <c r="N39" s="797"/>
      <c r="O39" s="362"/>
      <c r="P39" s="797"/>
      <c r="Q39" s="362"/>
      <c r="R39" s="797"/>
      <c r="S39" s="362"/>
      <c r="T39" s="797"/>
      <c r="U39" s="362"/>
      <c r="V39" s="798"/>
    </row>
    <row r="40" spans="1:31" ht="15" customHeight="1">
      <c r="A40" s="789"/>
      <c r="B40" s="803"/>
      <c r="C40" s="804" t="s">
        <v>46</v>
      </c>
      <c r="D40" s="796"/>
      <c r="E40" s="796"/>
      <c r="F40" s="797"/>
      <c r="G40" s="362"/>
      <c r="H40" s="797"/>
      <c r="I40" s="362"/>
      <c r="J40" s="797"/>
      <c r="K40" s="362"/>
      <c r="L40" s="797"/>
      <c r="M40" s="362"/>
      <c r="N40" s="797"/>
      <c r="O40" s="362"/>
      <c r="P40" s="797"/>
      <c r="Q40" s="362"/>
      <c r="R40" s="797"/>
      <c r="S40" s="362"/>
      <c r="T40" s="797"/>
      <c r="U40" s="362"/>
      <c r="V40" s="798"/>
    </row>
    <row r="41" spans="1:31" s="386" customFormat="1" ht="15" customHeight="1">
      <c r="A41" s="789"/>
      <c r="B41" s="805" t="s">
        <v>166</v>
      </c>
      <c r="C41" s="805"/>
      <c r="D41" s="805"/>
      <c r="E41" s="805"/>
      <c r="F41" s="805"/>
      <c r="G41" s="805"/>
      <c r="H41" s="805"/>
      <c r="I41" s="805"/>
      <c r="J41" s="805"/>
      <c r="K41" s="805"/>
      <c r="L41" s="805"/>
      <c r="M41" s="805"/>
      <c r="N41" s="805"/>
      <c r="O41" s="805"/>
      <c r="P41" s="805"/>
      <c r="Q41" s="805"/>
      <c r="R41" s="805"/>
      <c r="S41" s="805"/>
      <c r="T41" s="805"/>
      <c r="U41" s="805"/>
      <c r="V41" s="806"/>
      <c r="W41" s="306"/>
      <c r="X41" s="306"/>
      <c r="Y41" s="306"/>
      <c r="Z41" s="306"/>
      <c r="AA41" s="306"/>
      <c r="AB41" s="306"/>
      <c r="AC41" s="306"/>
      <c r="AD41" s="306"/>
      <c r="AE41" s="306"/>
    </row>
    <row r="42" spans="1:31" s="386" customFormat="1" ht="16.350000000000001" customHeight="1">
      <c r="A42" s="789"/>
      <c r="B42" s="807" t="s">
        <v>167</v>
      </c>
      <c r="C42" s="807"/>
      <c r="D42" s="807"/>
      <c r="E42" s="807"/>
      <c r="F42" s="808"/>
      <c r="G42" s="552" t="s">
        <v>120</v>
      </c>
      <c r="H42" s="809"/>
      <c r="I42" s="810" t="s">
        <v>121</v>
      </c>
      <c r="J42" s="809"/>
      <c r="K42" s="810" t="s">
        <v>122</v>
      </c>
      <c r="L42" s="809"/>
      <c r="M42" s="810" t="s">
        <v>123</v>
      </c>
      <c r="N42" s="809"/>
      <c r="O42" s="810" t="s">
        <v>124</v>
      </c>
      <c r="P42" s="809"/>
      <c r="Q42" s="810" t="s">
        <v>125</v>
      </c>
      <c r="R42" s="809"/>
      <c r="S42" s="810" t="s">
        <v>126</v>
      </c>
      <c r="T42" s="809"/>
      <c r="U42" s="810" t="s">
        <v>127</v>
      </c>
      <c r="V42" s="811"/>
      <c r="W42" s="306"/>
      <c r="X42" s="306"/>
      <c r="Y42" s="306"/>
      <c r="Z42" s="306"/>
      <c r="AA42" s="306"/>
      <c r="AB42" s="306"/>
      <c r="AC42" s="306"/>
      <c r="AD42" s="306"/>
      <c r="AE42" s="306"/>
    </row>
    <row r="43" spans="1:31" s="386" customFormat="1" ht="15.6" customHeight="1">
      <c r="A43" s="789"/>
      <c r="B43" s="812"/>
      <c r="C43" s="812"/>
      <c r="D43" s="812"/>
      <c r="E43" s="812"/>
      <c r="F43" s="813"/>
      <c r="G43" s="810"/>
      <c r="H43" s="809"/>
      <c r="I43" s="810"/>
      <c r="J43" s="809"/>
      <c r="K43" s="810"/>
      <c r="L43" s="809"/>
      <c r="M43" s="810"/>
      <c r="N43" s="809"/>
      <c r="O43" s="810"/>
      <c r="P43" s="809"/>
      <c r="Q43" s="810"/>
      <c r="R43" s="809"/>
      <c r="S43" s="810"/>
      <c r="T43" s="809"/>
      <c r="U43" s="810"/>
      <c r="V43" s="811"/>
      <c r="W43" s="306"/>
      <c r="X43" s="306"/>
      <c r="Y43" s="306"/>
      <c r="Z43" s="306"/>
      <c r="AA43" s="306"/>
      <c r="AB43" s="306"/>
      <c r="AC43" s="306"/>
      <c r="AD43" s="306"/>
      <c r="AE43" s="306"/>
    </row>
    <row r="44" spans="1:31" s="386" customFormat="1" ht="15.6" customHeight="1">
      <c r="A44" s="789"/>
      <c r="B44" s="814"/>
      <c r="C44" s="814"/>
      <c r="D44" s="814"/>
      <c r="E44" s="814"/>
      <c r="F44" s="815"/>
      <c r="G44" s="810" t="s">
        <v>128</v>
      </c>
      <c r="H44" s="552"/>
      <c r="I44" s="552"/>
      <c r="J44" s="552"/>
      <c r="K44" s="552"/>
      <c r="L44" s="809"/>
      <c r="M44" s="816"/>
      <c r="N44" s="817"/>
      <c r="O44" s="817"/>
      <c r="P44" s="817"/>
      <c r="Q44" s="817"/>
      <c r="R44" s="817"/>
      <c r="S44" s="817"/>
      <c r="T44" s="817"/>
      <c r="U44" s="817"/>
      <c r="V44" s="818"/>
      <c r="W44" s="306"/>
      <c r="X44" s="306"/>
      <c r="Y44" s="306"/>
      <c r="Z44" s="306"/>
      <c r="AA44" s="306"/>
      <c r="AB44" s="306"/>
      <c r="AC44" s="306"/>
      <c r="AD44" s="306"/>
      <c r="AE44" s="306"/>
    </row>
    <row r="45" spans="1:31" s="386" customFormat="1" ht="15.95" customHeight="1">
      <c r="A45" s="789"/>
      <c r="B45" s="819" t="s">
        <v>168</v>
      </c>
      <c r="C45" s="820"/>
      <c r="D45" s="820"/>
      <c r="E45" s="820"/>
      <c r="F45" s="32"/>
      <c r="G45" s="31"/>
      <c r="H45" s="820"/>
      <c r="I45" s="820" t="s">
        <v>130</v>
      </c>
      <c r="J45" s="820"/>
      <c r="K45" s="474"/>
      <c r="L45" s="474"/>
      <c r="M45" s="820" t="s">
        <v>169</v>
      </c>
      <c r="N45" s="820"/>
      <c r="O45" s="820"/>
      <c r="P45" s="820"/>
      <c r="Q45" s="820" t="s">
        <v>130</v>
      </c>
      <c r="R45" s="820"/>
      <c r="S45" s="34"/>
      <c r="T45" s="34"/>
      <c r="U45" s="34"/>
      <c r="V45" s="38"/>
      <c r="W45" s="306"/>
      <c r="X45" s="306"/>
      <c r="Y45" s="306"/>
      <c r="Z45" s="306"/>
      <c r="AA45" s="306"/>
      <c r="AB45" s="306"/>
      <c r="AC45" s="306"/>
      <c r="AD45" s="306"/>
      <c r="AE45" s="306"/>
    </row>
    <row r="46" spans="1:31" s="386" customFormat="1" ht="15.95" customHeight="1">
      <c r="A46" s="789"/>
      <c r="B46" s="821"/>
      <c r="C46" s="565" t="s">
        <v>132</v>
      </c>
      <c r="D46" s="566"/>
      <c r="E46" s="31" t="s">
        <v>170</v>
      </c>
      <c r="F46" s="32"/>
      <c r="G46" s="31"/>
      <c r="H46" s="820"/>
      <c r="I46" s="820" t="s">
        <v>130</v>
      </c>
      <c r="J46" s="820"/>
      <c r="K46" s="474"/>
      <c r="L46" s="474"/>
      <c r="M46" s="820" t="s">
        <v>169</v>
      </c>
      <c r="N46" s="820"/>
      <c r="O46" s="820"/>
      <c r="P46" s="820"/>
      <c r="Q46" s="820" t="s">
        <v>130</v>
      </c>
      <c r="R46" s="820"/>
      <c r="S46" s="34"/>
      <c r="T46" s="34"/>
      <c r="U46" s="34"/>
      <c r="V46" s="38"/>
      <c r="W46" s="306"/>
      <c r="X46" s="306"/>
      <c r="Y46" s="306"/>
      <c r="Z46" s="306"/>
      <c r="AA46" s="306"/>
      <c r="AB46" s="306"/>
      <c r="AC46" s="306"/>
      <c r="AD46" s="306"/>
      <c r="AE46" s="306"/>
    </row>
    <row r="47" spans="1:31" s="386" customFormat="1" ht="15.95" customHeight="1">
      <c r="A47" s="789"/>
      <c r="B47" s="822"/>
      <c r="C47" s="536"/>
      <c r="D47" s="492"/>
      <c r="E47" s="31" t="s">
        <v>134</v>
      </c>
      <c r="F47" s="32"/>
      <c r="G47" s="31"/>
      <c r="H47" s="820"/>
      <c r="I47" s="820" t="s">
        <v>130</v>
      </c>
      <c r="J47" s="820"/>
      <c r="K47" s="474"/>
      <c r="L47" s="474"/>
      <c r="M47" s="820" t="s">
        <v>169</v>
      </c>
      <c r="N47" s="820"/>
      <c r="O47" s="820"/>
      <c r="P47" s="820"/>
      <c r="Q47" s="820" t="s">
        <v>130</v>
      </c>
      <c r="R47" s="820"/>
      <c r="S47" s="34"/>
      <c r="T47" s="34"/>
      <c r="U47" s="34"/>
      <c r="V47" s="38"/>
      <c r="W47" s="306"/>
      <c r="X47" s="306"/>
      <c r="Y47" s="306"/>
      <c r="Z47" s="306"/>
      <c r="AA47" s="306"/>
      <c r="AB47" s="306"/>
      <c r="AC47" s="306"/>
      <c r="AD47" s="306"/>
      <c r="AE47" s="306"/>
    </row>
    <row r="48" spans="1:31" s="386" customFormat="1" ht="15.95" customHeight="1">
      <c r="A48" s="789"/>
      <c r="B48" s="823"/>
      <c r="C48" s="548"/>
      <c r="D48" s="569"/>
      <c r="E48" s="31" t="s">
        <v>171</v>
      </c>
      <c r="F48" s="32"/>
      <c r="G48" s="31"/>
      <c r="H48" s="820"/>
      <c r="I48" s="820" t="s">
        <v>130</v>
      </c>
      <c r="J48" s="820"/>
      <c r="K48" s="474"/>
      <c r="L48" s="474"/>
      <c r="M48" s="820" t="s">
        <v>169</v>
      </c>
      <c r="N48" s="820"/>
      <c r="O48" s="820"/>
      <c r="P48" s="820"/>
      <c r="Q48" s="820" t="s">
        <v>130</v>
      </c>
      <c r="R48" s="820"/>
      <c r="S48" s="34"/>
      <c r="T48" s="34"/>
      <c r="U48" s="34"/>
      <c r="V48" s="38"/>
      <c r="W48" s="306"/>
      <c r="X48" s="306"/>
      <c r="Y48" s="306"/>
      <c r="Z48" s="306"/>
      <c r="AA48" s="306"/>
      <c r="AB48" s="306"/>
      <c r="AC48" s="306"/>
      <c r="AD48" s="306"/>
      <c r="AE48" s="306"/>
    </row>
    <row r="49" spans="1:31" s="386" customFormat="1" ht="16.350000000000001" customHeight="1">
      <c r="A49" s="789"/>
      <c r="B49" s="608" t="s">
        <v>136</v>
      </c>
      <c r="C49" s="608"/>
      <c r="D49" s="608"/>
      <c r="E49" s="608"/>
      <c r="F49" s="566"/>
      <c r="G49" s="31"/>
      <c r="H49" s="820"/>
      <c r="I49" s="820" t="s">
        <v>130</v>
      </c>
      <c r="J49" s="820"/>
      <c r="K49" s="474"/>
      <c r="L49" s="474"/>
      <c r="M49" s="820" t="s">
        <v>169</v>
      </c>
      <c r="N49" s="820"/>
      <c r="O49" s="820"/>
      <c r="P49" s="820"/>
      <c r="Q49" s="820" t="s">
        <v>130</v>
      </c>
      <c r="R49" s="820"/>
      <c r="S49" s="34"/>
      <c r="T49" s="34"/>
      <c r="U49" s="34"/>
      <c r="V49" s="38"/>
      <c r="W49" s="306"/>
      <c r="X49" s="306"/>
      <c r="Y49" s="306"/>
      <c r="Z49" s="306"/>
      <c r="AA49" s="306"/>
      <c r="AB49" s="306"/>
      <c r="AC49" s="306"/>
      <c r="AD49" s="306"/>
      <c r="AE49" s="306"/>
    </row>
    <row r="50" spans="1:31" s="386" customFormat="1" ht="16.350000000000001" customHeight="1" thickBot="1">
      <c r="A50" s="789"/>
      <c r="B50" s="824" t="s">
        <v>137</v>
      </c>
      <c r="C50" s="528"/>
      <c r="D50" s="528"/>
      <c r="E50" s="528"/>
      <c r="F50" s="159"/>
      <c r="G50" s="576"/>
      <c r="H50" s="577"/>
      <c r="I50" s="577"/>
      <c r="J50" s="577"/>
      <c r="K50" s="579"/>
      <c r="L50" s="578" t="s">
        <v>172</v>
      </c>
      <c r="M50" s="528"/>
      <c r="N50" s="528"/>
      <c r="O50" s="581"/>
      <c r="P50" s="582"/>
      <c r="Q50" s="582"/>
      <c r="R50" s="825"/>
      <c r="S50" s="825"/>
      <c r="T50" s="585"/>
      <c r="U50" s="825"/>
      <c r="V50" s="583"/>
      <c r="W50" s="306"/>
      <c r="X50" s="306"/>
      <c r="Y50" s="306"/>
      <c r="Z50" s="306"/>
      <c r="AA50" s="306"/>
      <c r="AB50" s="306"/>
      <c r="AC50" s="306"/>
      <c r="AD50" s="306"/>
      <c r="AE50" s="306"/>
    </row>
    <row r="51" spans="1:31" ht="15" customHeight="1">
      <c r="A51" s="786" t="s">
        <v>140</v>
      </c>
      <c r="B51" s="787" t="s">
        <v>32</v>
      </c>
      <c r="C51" s="787"/>
      <c r="D51" s="787"/>
      <c r="E51" s="787"/>
      <c r="F51" s="787"/>
      <c r="G51" s="787"/>
      <c r="H51" s="787"/>
      <c r="I51" s="787"/>
      <c r="J51" s="787"/>
      <c r="K51" s="787"/>
      <c r="L51" s="787"/>
      <c r="M51" s="787"/>
      <c r="N51" s="787"/>
      <c r="O51" s="787"/>
      <c r="P51" s="787"/>
      <c r="Q51" s="787"/>
      <c r="R51" s="787"/>
      <c r="S51" s="787"/>
      <c r="T51" s="787"/>
      <c r="U51" s="787"/>
      <c r="V51" s="788"/>
    </row>
    <row r="52" spans="1:31" ht="15" customHeight="1">
      <c r="A52" s="789"/>
      <c r="B52" s="790" t="s">
        <v>33</v>
      </c>
      <c r="C52" s="791"/>
      <c r="D52" s="791"/>
      <c r="E52" s="791"/>
      <c r="F52" s="792"/>
      <c r="G52" s="793" t="s">
        <v>163</v>
      </c>
      <c r="H52" s="794"/>
      <c r="I52" s="794"/>
      <c r="J52" s="795"/>
      <c r="K52" s="362" t="s">
        <v>164</v>
      </c>
      <c r="L52" s="796"/>
      <c r="M52" s="796"/>
      <c r="N52" s="797"/>
      <c r="O52" s="362" t="s">
        <v>115</v>
      </c>
      <c r="P52" s="796"/>
      <c r="Q52" s="796"/>
      <c r="R52" s="797"/>
      <c r="S52" s="362" t="s">
        <v>165</v>
      </c>
      <c r="T52" s="796"/>
      <c r="U52" s="796"/>
      <c r="V52" s="798"/>
    </row>
    <row r="53" spans="1:31" ht="15" customHeight="1">
      <c r="A53" s="789"/>
      <c r="B53" s="799"/>
      <c r="C53" s="800"/>
      <c r="D53" s="800"/>
      <c r="E53" s="800"/>
      <c r="F53" s="801"/>
      <c r="G53" s="362" t="s">
        <v>41</v>
      </c>
      <c r="H53" s="797"/>
      <c r="I53" s="362" t="s">
        <v>42</v>
      </c>
      <c r="J53" s="797"/>
      <c r="K53" s="362" t="s">
        <v>41</v>
      </c>
      <c r="L53" s="797"/>
      <c r="M53" s="362" t="s">
        <v>42</v>
      </c>
      <c r="N53" s="797"/>
      <c r="O53" s="362" t="s">
        <v>41</v>
      </c>
      <c r="P53" s="797"/>
      <c r="Q53" s="362" t="s">
        <v>42</v>
      </c>
      <c r="R53" s="797"/>
      <c r="S53" s="362" t="s">
        <v>41</v>
      </c>
      <c r="T53" s="797"/>
      <c r="U53" s="362" t="s">
        <v>42</v>
      </c>
      <c r="V53" s="798"/>
    </row>
    <row r="54" spans="1:31" ht="15" customHeight="1">
      <c r="A54" s="789"/>
      <c r="B54" s="802"/>
      <c r="C54" s="362" t="s">
        <v>86</v>
      </c>
      <c r="D54" s="796"/>
      <c r="E54" s="796"/>
      <c r="F54" s="797"/>
      <c r="G54" s="362"/>
      <c r="H54" s="797"/>
      <c r="I54" s="362"/>
      <c r="J54" s="797"/>
      <c r="K54" s="362"/>
      <c r="L54" s="797"/>
      <c r="M54" s="362"/>
      <c r="N54" s="797"/>
      <c r="O54" s="362"/>
      <c r="P54" s="797"/>
      <c r="Q54" s="362"/>
      <c r="R54" s="797"/>
      <c r="S54" s="362"/>
      <c r="T54" s="797"/>
      <c r="U54" s="362"/>
      <c r="V54" s="798"/>
    </row>
    <row r="55" spans="1:31" ht="15" customHeight="1">
      <c r="A55" s="789"/>
      <c r="B55" s="803"/>
      <c r="C55" s="804" t="s">
        <v>46</v>
      </c>
      <c r="D55" s="796"/>
      <c r="E55" s="796"/>
      <c r="F55" s="797"/>
      <c r="G55" s="362"/>
      <c r="H55" s="797"/>
      <c r="I55" s="362"/>
      <c r="J55" s="797"/>
      <c r="K55" s="362"/>
      <c r="L55" s="797"/>
      <c r="M55" s="362"/>
      <c r="N55" s="797"/>
      <c r="O55" s="362"/>
      <c r="P55" s="797"/>
      <c r="Q55" s="362"/>
      <c r="R55" s="797"/>
      <c r="S55" s="362"/>
      <c r="T55" s="797"/>
      <c r="U55" s="362"/>
      <c r="V55" s="798"/>
    </row>
    <row r="56" spans="1:31" s="386" customFormat="1" ht="15" customHeight="1">
      <c r="A56" s="789"/>
      <c r="B56" s="805" t="s">
        <v>166</v>
      </c>
      <c r="C56" s="805"/>
      <c r="D56" s="805"/>
      <c r="E56" s="805"/>
      <c r="F56" s="805"/>
      <c r="G56" s="805"/>
      <c r="H56" s="805"/>
      <c r="I56" s="805"/>
      <c r="J56" s="805"/>
      <c r="K56" s="805"/>
      <c r="L56" s="805"/>
      <c r="M56" s="805"/>
      <c r="N56" s="805"/>
      <c r="O56" s="805"/>
      <c r="P56" s="805"/>
      <c r="Q56" s="805"/>
      <c r="R56" s="805"/>
      <c r="S56" s="805"/>
      <c r="T56" s="805"/>
      <c r="U56" s="805"/>
      <c r="V56" s="806"/>
      <c r="W56" s="306"/>
      <c r="X56" s="306"/>
      <c r="Y56" s="306"/>
      <c r="Z56" s="306"/>
      <c r="AA56" s="306"/>
      <c r="AB56" s="306"/>
      <c r="AC56" s="306"/>
      <c r="AD56" s="306"/>
      <c r="AE56" s="306"/>
    </row>
    <row r="57" spans="1:31" s="386" customFormat="1" ht="16.350000000000001" customHeight="1">
      <c r="A57" s="789"/>
      <c r="B57" s="807" t="s">
        <v>167</v>
      </c>
      <c r="C57" s="807"/>
      <c r="D57" s="807"/>
      <c r="E57" s="807"/>
      <c r="F57" s="808"/>
      <c r="G57" s="552" t="s">
        <v>120</v>
      </c>
      <c r="H57" s="809"/>
      <c r="I57" s="810" t="s">
        <v>121</v>
      </c>
      <c r="J57" s="809"/>
      <c r="K57" s="810" t="s">
        <v>122</v>
      </c>
      <c r="L57" s="809"/>
      <c r="M57" s="810" t="s">
        <v>123</v>
      </c>
      <c r="N57" s="809"/>
      <c r="O57" s="810" t="s">
        <v>124</v>
      </c>
      <c r="P57" s="809"/>
      <c r="Q57" s="810" t="s">
        <v>125</v>
      </c>
      <c r="R57" s="809"/>
      <c r="S57" s="810" t="s">
        <v>126</v>
      </c>
      <c r="T57" s="809"/>
      <c r="U57" s="810" t="s">
        <v>127</v>
      </c>
      <c r="V57" s="811"/>
      <c r="W57" s="306"/>
      <c r="X57" s="306"/>
      <c r="Y57" s="306"/>
      <c r="Z57" s="306"/>
      <c r="AA57" s="306"/>
      <c r="AB57" s="306"/>
      <c r="AC57" s="306"/>
      <c r="AD57" s="306"/>
      <c r="AE57" s="306"/>
    </row>
    <row r="58" spans="1:31" s="386" customFormat="1" ht="15.6" customHeight="1">
      <c r="A58" s="789"/>
      <c r="B58" s="812"/>
      <c r="C58" s="812"/>
      <c r="D58" s="812"/>
      <c r="E58" s="812"/>
      <c r="F58" s="813"/>
      <c r="G58" s="810"/>
      <c r="H58" s="809"/>
      <c r="I58" s="810"/>
      <c r="J58" s="809"/>
      <c r="K58" s="810"/>
      <c r="L58" s="809"/>
      <c r="M58" s="810"/>
      <c r="N58" s="809"/>
      <c r="O58" s="810"/>
      <c r="P58" s="809"/>
      <c r="Q58" s="810"/>
      <c r="R58" s="809"/>
      <c r="S58" s="810"/>
      <c r="T58" s="809"/>
      <c r="U58" s="810"/>
      <c r="V58" s="811"/>
      <c r="W58" s="306"/>
      <c r="X58" s="306"/>
      <c r="Y58" s="306"/>
      <c r="Z58" s="306"/>
      <c r="AA58" s="306"/>
      <c r="AB58" s="306"/>
      <c r="AC58" s="306"/>
      <c r="AD58" s="306"/>
      <c r="AE58" s="306"/>
    </row>
    <row r="59" spans="1:31" s="386" customFormat="1" ht="15.6" customHeight="1">
      <c r="A59" s="789"/>
      <c r="B59" s="814"/>
      <c r="C59" s="814"/>
      <c r="D59" s="814"/>
      <c r="E59" s="814"/>
      <c r="F59" s="815"/>
      <c r="G59" s="810" t="s">
        <v>128</v>
      </c>
      <c r="H59" s="552"/>
      <c r="I59" s="552"/>
      <c r="J59" s="552"/>
      <c r="K59" s="552"/>
      <c r="L59" s="809"/>
      <c r="M59" s="816"/>
      <c r="N59" s="817"/>
      <c r="O59" s="817"/>
      <c r="P59" s="817"/>
      <c r="Q59" s="817"/>
      <c r="R59" s="817"/>
      <c r="S59" s="817"/>
      <c r="T59" s="817"/>
      <c r="U59" s="817"/>
      <c r="V59" s="818"/>
      <c r="W59" s="306"/>
      <c r="X59" s="306"/>
      <c r="Y59" s="306"/>
      <c r="Z59" s="306"/>
      <c r="AA59" s="306"/>
      <c r="AB59" s="306"/>
      <c r="AC59" s="306"/>
      <c r="AD59" s="306"/>
      <c r="AE59" s="306"/>
    </row>
    <row r="60" spans="1:31" s="386" customFormat="1" ht="15.95" customHeight="1">
      <c r="A60" s="789"/>
      <c r="B60" s="819" t="s">
        <v>168</v>
      </c>
      <c r="C60" s="820"/>
      <c r="D60" s="820"/>
      <c r="E60" s="820"/>
      <c r="F60" s="32"/>
      <c r="G60" s="31"/>
      <c r="H60" s="820"/>
      <c r="I60" s="820" t="s">
        <v>130</v>
      </c>
      <c r="J60" s="820"/>
      <c r="K60" s="474"/>
      <c r="L60" s="474"/>
      <c r="M60" s="820" t="s">
        <v>169</v>
      </c>
      <c r="N60" s="820"/>
      <c r="O60" s="820"/>
      <c r="P60" s="820"/>
      <c r="Q60" s="820" t="s">
        <v>130</v>
      </c>
      <c r="R60" s="820"/>
      <c r="S60" s="34"/>
      <c r="T60" s="34"/>
      <c r="U60" s="34"/>
      <c r="V60" s="38"/>
      <c r="W60" s="306"/>
      <c r="X60" s="306"/>
      <c r="Y60" s="306"/>
      <c r="Z60" s="306"/>
      <c r="AA60" s="306"/>
      <c r="AB60" s="306"/>
      <c r="AC60" s="306"/>
      <c r="AD60" s="306"/>
      <c r="AE60" s="306"/>
    </row>
    <row r="61" spans="1:31" s="386" customFormat="1" ht="15.95" customHeight="1">
      <c r="A61" s="789"/>
      <c r="B61" s="821"/>
      <c r="C61" s="565" t="s">
        <v>132</v>
      </c>
      <c r="D61" s="566"/>
      <c r="E61" s="31" t="s">
        <v>170</v>
      </c>
      <c r="F61" s="32"/>
      <c r="G61" s="31"/>
      <c r="H61" s="820"/>
      <c r="I61" s="820" t="s">
        <v>130</v>
      </c>
      <c r="J61" s="820"/>
      <c r="K61" s="474"/>
      <c r="L61" s="474"/>
      <c r="M61" s="820" t="s">
        <v>169</v>
      </c>
      <c r="N61" s="820"/>
      <c r="O61" s="820"/>
      <c r="P61" s="820"/>
      <c r="Q61" s="820" t="s">
        <v>130</v>
      </c>
      <c r="R61" s="820"/>
      <c r="S61" s="34"/>
      <c r="T61" s="34"/>
      <c r="U61" s="34"/>
      <c r="V61" s="38"/>
      <c r="W61" s="306" t="s">
        <v>51</v>
      </c>
      <c r="X61" s="306"/>
      <c r="Y61" s="306"/>
      <c r="Z61" s="306"/>
      <c r="AA61" s="306"/>
      <c r="AB61" s="306"/>
      <c r="AC61" s="306"/>
      <c r="AD61" s="306"/>
      <c r="AE61" s="306"/>
    </row>
    <row r="62" spans="1:31" s="386" customFormat="1" ht="15.95" customHeight="1">
      <c r="A62" s="789"/>
      <c r="B62" s="822"/>
      <c r="C62" s="536"/>
      <c r="D62" s="492"/>
      <c r="E62" s="31" t="s">
        <v>134</v>
      </c>
      <c r="F62" s="32"/>
      <c r="G62" s="31"/>
      <c r="H62" s="820"/>
      <c r="I62" s="820" t="s">
        <v>130</v>
      </c>
      <c r="J62" s="820"/>
      <c r="K62" s="474"/>
      <c r="L62" s="474"/>
      <c r="M62" s="820" t="s">
        <v>169</v>
      </c>
      <c r="N62" s="820"/>
      <c r="O62" s="820"/>
      <c r="P62" s="820"/>
      <c r="Q62" s="820" t="s">
        <v>130</v>
      </c>
      <c r="R62" s="820"/>
      <c r="S62" s="34"/>
      <c r="T62" s="34"/>
      <c r="U62" s="34"/>
      <c r="V62" s="38"/>
      <c r="W62" s="306"/>
      <c r="X62" s="306"/>
      <c r="Y62" s="306"/>
      <c r="Z62" s="306"/>
      <c r="AA62" s="306"/>
      <c r="AB62" s="306"/>
      <c r="AC62" s="306"/>
      <c r="AD62" s="306"/>
      <c r="AE62" s="306"/>
    </row>
    <row r="63" spans="1:31" s="386" customFormat="1" ht="15.95" customHeight="1">
      <c r="A63" s="789"/>
      <c r="B63" s="823"/>
      <c r="C63" s="548"/>
      <c r="D63" s="569"/>
      <c r="E63" s="31" t="s">
        <v>171</v>
      </c>
      <c r="F63" s="32"/>
      <c r="G63" s="31"/>
      <c r="H63" s="820"/>
      <c r="I63" s="820" t="s">
        <v>130</v>
      </c>
      <c r="J63" s="820"/>
      <c r="K63" s="474"/>
      <c r="L63" s="474"/>
      <c r="M63" s="820" t="s">
        <v>169</v>
      </c>
      <c r="N63" s="820"/>
      <c r="O63" s="820"/>
      <c r="P63" s="820"/>
      <c r="Q63" s="820" t="s">
        <v>130</v>
      </c>
      <c r="R63" s="820"/>
      <c r="S63" s="34"/>
      <c r="T63" s="34"/>
      <c r="U63" s="34"/>
      <c r="V63" s="38"/>
      <c r="W63" s="306"/>
      <c r="X63" s="306"/>
      <c r="Y63" s="306"/>
      <c r="Z63" s="306"/>
      <c r="AA63" s="306"/>
      <c r="AB63" s="306"/>
      <c r="AC63" s="306"/>
      <c r="AD63" s="306"/>
      <c r="AE63" s="306"/>
    </row>
    <row r="64" spans="1:31" s="386" customFormat="1" ht="16.350000000000001" customHeight="1">
      <c r="A64" s="789"/>
      <c r="B64" s="608" t="s">
        <v>136</v>
      </c>
      <c r="C64" s="608"/>
      <c r="D64" s="608"/>
      <c r="E64" s="608"/>
      <c r="F64" s="566"/>
      <c r="G64" s="31"/>
      <c r="H64" s="820"/>
      <c r="I64" s="820" t="s">
        <v>130</v>
      </c>
      <c r="J64" s="820"/>
      <c r="K64" s="474"/>
      <c r="L64" s="474"/>
      <c r="M64" s="820" t="s">
        <v>169</v>
      </c>
      <c r="N64" s="820"/>
      <c r="O64" s="820"/>
      <c r="P64" s="820"/>
      <c r="Q64" s="820" t="s">
        <v>130</v>
      </c>
      <c r="R64" s="820"/>
      <c r="S64" s="34"/>
      <c r="T64" s="34"/>
      <c r="U64" s="34"/>
      <c r="V64" s="38"/>
      <c r="W64" s="306"/>
      <c r="X64" s="306"/>
      <c r="Y64" s="306"/>
      <c r="Z64" s="306"/>
      <c r="AA64" s="306"/>
      <c r="AB64" s="306"/>
      <c r="AC64" s="306"/>
      <c r="AD64" s="306"/>
      <c r="AE64" s="306"/>
    </row>
    <row r="65" spans="1:31" s="386" customFormat="1" ht="16.350000000000001" customHeight="1" thickBot="1">
      <c r="A65" s="789"/>
      <c r="B65" s="824" t="s">
        <v>137</v>
      </c>
      <c r="C65" s="528"/>
      <c r="D65" s="528"/>
      <c r="E65" s="528"/>
      <c r="F65" s="159"/>
      <c r="G65" s="576"/>
      <c r="H65" s="577"/>
      <c r="I65" s="577"/>
      <c r="J65" s="577"/>
      <c r="K65" s="579"/>
      <c r="L65" s="578" t="s">
        <v>172</v>
      </c>
      <c r="M65" s="528"/>
      <c r="N65" s="528"/>
      <c r="O65" s="581"/>
      <c r="P65" s="582"/>
      <c r="Q65" s="582"/>
      <c r="R65" s="825"/>
      <c r="S65" s="825"/>
      <c r="T65" s="585"/>
      <c r="U65" s="825"/>
      <c r="V65" s="583"/>
      <c r="W65" s="306"/>
      <c r="X65" s="306"/>
      <c r="Y65" s="306"/>
      <c r="Z65" s="306"/>
      <c r="AA65" s="306"/>
      <c r="AB65" s="306"/>
      <c r="AC65" s="306"/>
      <c r="AD65" s="306"/>
      <c r="AE65" s="306"/>
    </row>
    <row r="66" spans="1:31" ht="15" customHeight="1" thickBot="1">
      <c r="A66" s="826" t="s">
        <v>48</v>
      </c>
      <c r="B66" s="827"/>
      <c r="C66" s="827"/>
      <c r="D66" s="827"/>
      <c r="E66" s="828" t="s">
        <v>142</v>
      </c>
      <c r="F66" s="829"/>
      <c r="G66" s="829"/>
      <c r="H66" s="829"/>
      <c r="I66" s="829"/>
      <c r="J66" s="829"/>
      <c r="K66" s="829"/>
      <c r="L66" s="829"/>
      <c r="M66" s="829"/>
      <c r="N66" s="829"/>
      <c r="O66" s="829"/>
      <c r="P66" s="829"/>
      <c r="Q66" s="829"/>
      <c r="R66" s="829"/>
      <c r="S66" s="829"/>
      <c r="T66" s="829"/>
      <c r="U66" s="829"/>
      <c r="V66" s="830"/>
    </row>
    <row r="67" spans="1:31" ht="16.5" customHeight="1">
      <c r="A67" s="305"/>
      <c r="B67" s="305"/>
      <c r="C67" s="305"/>
      <c r="D67" s="305"/>
      <c r="E67" s="305"/>
      <c r="F67" s="305"/>
      <c r="G67" s="831"/>
      <c r="H67" s="831"/>
      <c r="I67" s="831"/>
      <c r="J67" s="831"/>
      <c r="K67" s="831"/>
      <c r="L67" s="831"/>
      <c r="M67" s="831"/>
      <c r="N67" s="831"/>
      <c r="O67" s="831"/>
      <c r="P67" s="831"/>
      <c r="Q67" s="831"/>
      <c r="R67" s="831"/>
      <c r="S67" s="831"/>
      <c r="T67" s="831"/>
      <c r="U67" s="831" t="s">
        <v>51</v>
      </c>
      <c r="V67" s="831"/>
    </row>
    <row r="68" spans="1:31" ht="16.5" customHeight="1">
      <c r="A68" s="305"/>
      <c r="B68" s="305"/>
      <c r="C68" s="305"/>
      <c r="D68" s="305"/>
      <c r="E68" s="305"/>
      <c r="F68" s="305"/>
      <c r="G68" s="831"/>
      <c r="H68" s="831"/>
      <c r="I68" s="831"/>
      <c r="J68" s="831"/>
      <c r="K68" s="831"/>
      <c r="L68" s="831"/>
      <c r="M68" s="831"/>
      <c r="N68" s="831"/>
      <c r="O68" s="831"/>
      <c r="P68" s="831"/>
      <c r="Q68" s="831"/>
      <c r="R68" s="831"/>
      <c r="S68" s="831"/>
      <c r="T68" s="831"/>
      <c r="U68" s="831" t="s">
        <v>143</v>
      </c>
      <c r="V68" s="831"/>
    </row>
    <row r="69" spans="1:31" s="833" customFormat="1" ht="36" customHeight="1" thickBot="1">
      <c r="A69" s="832" t="s">
        <v>173</v>
      </c>
      <c r="B69" s="832"/>
      <c r="C69" s="832"/>
      <c r="D69" s="832"/>
      <c r="E69" s="832"/>
      <c r="F69" s="832"/>
      <c r="G69" s="832"/>
      <c r="H69" s="832"/>
      <c r="I69" s="832"/>
      <c r="J69" s="832"/>
      <c r="K69" s="832"/>
      <c r="L69" s="832"/>
      <c r="M69" s="832"/>
      <c r="N69" s="832"/>
      <c r="O69" s="832"/>
      <c r="P69" s="832"/>
      <c r="Q69" s="832"/>
      <c r="R69" s="832"/>
      <c r="S69" s="832"/>
      <c r="T69" s="832"/>
      <c r="U69" s="832"/>
      <c r="V69" s="832"/>
    </row>
    <row r="70" spans="1:31" s="833" customFormat="1" ht="15" customHeight="1">
      <c r="A70" s="251" t="s">
        <v>1</v>
      </c>
      <c r="B70" s="834" t="s">
        <v>3</v>
      </c>
      <c r="C70" s="834"/>
      <c r="D70" s="835"/>
      <c r="E70" s="373"/>
      <c r="F70" s="374"/>
      <c r="G70" s="374"/>
      <c r="H70" s="374"/>
      <c r="I70" s="374"/>
      <c r="J70" s="374"/>
      <c r="K70" s="374"/>
      <c r="L70" s="374"/>
      <c r="M70" s="374"/>
      <c r="N70" s="374"/>
      <c r="O70" s="374"/>
      <c r="P70" s="374"/>
      <c r="Q70" s="374"/>
      <c r="R70" s="374"/>
      <c r="S70" s="374"/>
      <c r="T70" s="374"/>
      <c r="U70" s="374"/>
      <c r="V70" s="375"/>
    </row>
    <row r="71" spans="1:31" s="833" customFormat="1" ht="28.35" customHeight="1">
      <c r="A71" s="254"/>
      <c r="B71" s="260" t="s">
        <v>59</v>
      </c>
      <c r="C71" s="260"/>
      <c r="D71" s="261"/>
      <c r="E71" s="262"/>
      <c r="F71" s="263"/>
      <c r="G71" s="263"/>
      <c r="H71" s="263"/>
      <c r="I71" s="263"/>
      <c r="J71" s="263"/>
      <c r="K71" s="263"/>
      <c r="L71" s="263"/>
      <c r="M71" s="263"/>
      <c r="N71" s="263"/>
      <c r="O71" s="263"/>
      <c r="P71" s="263"/>
      <c r="Q71" s="263"/>
      <c r="R71" s="263"/>
      <c r="S71" s="263"/>
      <c r="T71" s="263"/>
      <c r="U71" s="263"/>
      <c r="V71" s="264"/>
    </row>
    <row r="72" spans="1:31" s="833" customFormat="1" ht="15" customHeight="1">
      <c r="A72" s="254"/>
      <c r="B72" s="265" t="s">
        <v>174</v>
      </c>
      <c r="C72" s="266"/>
      <c r="D72" s="267"/>
      <c r="E72" s="268" t="s">
        <v>175</v>
      </c>
      <c r="F72" s="266"/>
      <c r="G72" s="266"/>
      <c r="H72" s="836"/>
      <c r="I72" s="836"/>
      <c r="J72" s="744" t="s">
        <v>62</v>
      </c>
      <c r="K72" s="836"/>
      <c r="L72" s="836"/>
      <c r="M72" s="744" t="s">
        <v>176</v>
      </c>
      <c r="N72" s="266"/>
      <c r="O72" s="266"/>
      <c r="P72" s="266"/>
      <c r="Q72" s="266"/>
      <c r="R72" s="266"/>
      <c r="S72" s="266"/>
      <c r="T72" s="266"/>
      <c r="U72" s="266"/>
      <c r="V72" s="271"/>
    </row>
    <row r="73" spans="1:31" s="833" customFormat="1" ht="15" customHeight="1">
      <c r="A73" s="254"/>
      <c r="B73" s="272"/>
      <c r="C73" s="273"/>
      <c r="D73" s="274"/>
      <c r="E73" s="275"/>
      <c r="F73" s="276"/>
      <c r="G73" s="276"/>
      <c r="H73" s="277" t="s">
        <v>64</v>
      </c>
      <c r="I73" s="278" t="s">
        <v>65</v>
      </c>
      <c r="J73" s="276"/>
      <c r="K73" s="276"/>
      <c r="L73" s="276"/>
      <c r="M73" s="276"/>
      <c r="N73" s="276"/>
      <c r="O73" s="277" t="s">
        <v>66</v>
      </c>
      <c r="P73" s="278" t="s">
        <v>67</v>
      </c>
      <c r="Q73" s="276"/>
      <c r="R73" s="276"/>
      <c r="S73" s="276"/>
      <c r="T73" s="276"/>
      <c r="U73" s="276"/>
      <c r="V73" s="279"/>
    </row>
    <row r="74" spans="1:31" s="833" customFormat="1" ht="15" customHeight="1">
      <c r="A74" s="254"/>
      <c r="B74" s="272"/>
      <c r="C74" s="273"/>
      <c r="D74" s="274"/>
      <c r="E74" s="275"/>
      <c r="F74" s="276"/>
      <c r="G74" s="276"/>
      <c r="H74" s="277" t="s">
        <v>68</v>
      </c>
      <c r="I74" s="278" t="s">
        <v>69</v>
      </c>
      <c r="J74" s="276"/>
      <c r="K74" s="276"/>
      <c r="L74" s="276"/>
      <c r="M74" s="276"/>
      <c r="N74" s="276"/>
      <c r="O74" s="277" t="s">
        <v>70</v>
      </c>
      <c r="P74" s="278" t="s">
        <v>71</v>
      </c>
      <c r="Q74" s="276"/>
      <c r="R74" s="276"/>
      <c r="S74" s="276"/>
      <c r="T74" s="276"/>
      <c r="U74" s="276"/>
      <c r="V74" s="279"/>
    </row>
    <row r="75" spans="1:31" s="833" customFormat="1" ht="18.95" customHeight="1">
      <c r="A75" s="254"/>
      <c r="B75" s="281"/>
      <c r="C75" s="282"/>
      <c r="D75" s="283"/>
      <c r="E75" s="257"/>
      <c r="F75" s="258"/>
      <c r="G75" s="258"/>
      <c r="H75" s="258"/>
      <c r="I75" s="258"/>
      <c r="J75" s="258"/>
      <c r="K75" s="258"/>
      <c r="L75" s="258"/>
      <c r="M75" s="258"/>
      <c r="N75" s="258"/>
      <c r="O75" s="258"/>
      <c r="P75" s="258"/>
      <c r="Q75" s="258"/>
      <c r="R75" s="258"/>
      <c r="S75" s="258"/>
      <c r="T75" s="258"/>
      <c r="U75" s="258"/>
      <c r="V75" s="259"/>
    </row>
    <row r="76" spans="1:31" s="833" customFormat="1" ht="15" customHeight="1">
      <c r="A76" s="254"/>
      <c r="B76" s="266" t="s">
        <v>13</v>
      </c>
      <c r="C76" s="266"/>
      <c r="D76" s="266"/>
      <c r="E76" s="284" t="s">
        <v>72</v>
      </c>
      <c r="F76" s="285"/>
      <c r="G76" s="286"/>
      <c r="H76" s="287"/>
      <c r="I76" s="287"/>
      <c r="J76" s="287"/>
      <c r="K76" s="288" t="s">
        <v>15</v>
      </c>
      <c r="L76" s="288"/>
      <c r="M76" s="289"/>
      <c r="N76" s="290"/>
      <c r="O76" s="291" t="s">
        <v>73</v>
      </c>
      <c r="P76" s="260"/>
      <c r="Q76" s="286"/>
      <c r="R76" s="287"/>
      <c r="S76" s="287"/>
      <c r="T76" s="287"/>
      <c r="U76" s="287"/>
      <c r="V76" s="292"/>
    </row>
    <row r="77" spans="1:31" s="833" customFormat="1" ht="15" customHeight="1">
      <c r="A77" s="837"/>
      <c r="B77" s="838"/>
      <c r="C77" s="838"/>
      <c r="D77" s="838"/>
      <c r="E77" s="295" t="s">
        <v>17</v>
      </c>
      <c r="F77" s="296"/>
      <c r="G77" s="286"/>
      <c r="H77" s="287"/>
      <c r="I77" s="287"/>
      <c r="J77" s="287"/>
      <c r="K77" s="287"/>
      <c r="L77" s="287"/>
      <c r="M77" s="287"/>
      <c r="N77" s="287"/>
      <c r="O77" s="287"/>
      <c r="P77" s="287"/>
      <c r="Q77" s="287"/>
      <c r="R77" s="287"/>
      <c r="S77" s="287"/>
      <c r="T77" s="287"/>
      <c r="U77" s="287"/>
      <c r="V77" s="292"/>
    </row>
    <row r="78" spans="1:31" s="833" customFormat="1" ht="15" customHeight="1">
      <c r="A78" s="839" t="s">
        <v>106</v>
      </c>
      <c r="B78" s="840"/>
      <c r="C78" s="840"/>
      <c r="D78" s="840"/>
      <c r="E78" s="840"/>
      <c r="F78" s="840"/>
      <c r="G78" s="840"/>
      <c r="H78" s="840"/>
      <c r="I78" s="840"/>
      <c r="J78" s="840"/>
      <c r="K78" s="840"/>
      <c r="L78" s="840"/>
      <c r="M78" s="840"/>
      <c r="N78" s="840"/>
      <c r="O78" s="840"/>
      <c r="P78" s="840"/>
      <c r="Q78" s="840"/>
      <c r="R78" s="840"/>
      <c r="S78" s="840"/>
      <c r="T78" s="840"/>
      <c r="U78" s="840"/>
      <c r="V78" s="841"/>
    </row>
    <row r="79" spans="1:31" ht="15" customHeight="1" thickBot="1">
      <c r="A79" s="519" t="s">
        <v>107</v>
      </c>
      <c r="B79" s="520"/>
      <c r="C79" s="520"/>
      <c r="D79" s="520"/>
      <c r="E79" s="520"/>
      <c r="F79" s="520"/>
      <c r="G79" s="520"/>
      <c r="H79" s="520"/>
      <c r="I79" s="781"/>
      <c r="J79" s="782"/>
      <c r="K79" s="783"/>
      <c r="L79" s="784" t="s">
        <v>177</v>
      </c>
      <c r="M79" s="528" t="s">
        <v>162</v>
      </c>
      <c r="N79" s="528"/>
      <c r="O79" s="528"/>
      <c r="P79" s="528"/>
      <c r="Q79" s="528"/>
      <c r="R79" s="528"/>
      <c r="S79" s="159"/>
      <c r="T79" s="781"/>
      <c r="U79" s="782"/>
      <c r="V79" s="785" t="s">
        <v>110</v>
      </c>
      <c r="W79" s="833"/>
    </row>
    <row r="80" spans="1:31" s="386" customFormat="1" ht="15" customHeight="1">
      <c r="A80" s="789" t="s">
        <v>145</v>
      </c>
      <c r="B80" s="805" t="s">
        <v>166</v>
      </c>
      <c r="C80" s="805"/>
      <c r="D80" s="805"/>
      <c r="E80" s="805"/>
      <c r="F80" s="805"/>
      <c r="G80" s="805"/>
      <c r="H80" s="805"/>
      <c r="I80" s="805"/>
      <c r="J80" s="805"/>
      <c r="K80" s="805"/>
      <c r="L80" s="805"/>
      <c r="M80" s="805"/>
      <c r="N80" s="805"/>
      <c r="O80" s="805"/>
      <c r="P80" s="805"/>
      <c r="Q80" s="805"/>
      <c r="R80" s="805"/>
      <c r="S80" s="805"/>
      <c r="T80" s="805"/>
      <c r="U80" s="805"/>
      <c r="V80" s="806"/>
      <c r="W80" s="306"/>
      <c r="X80" s="306"/>
      <c r="Y80" s="306"/>
      <c r="Z80" s="306"/>
      <c r="AA80" s="306"/>
      <c r="AB80" s="306"/>
      <c r="AC80" s="306"/>
      <c r="AD80" s="306"/>
      <c r="AE80" s="306"/>
    </row>
    <row r="81" spans="1:31" s="386" customFormat="1" ht="16.350000000000001" customHeight="1">
      <c r="A81" s="789"/>
      <c r="B81" s="807" t="s">
        <v>167</v>
      </c>
      <c r="C81" s="807"/>
      <c r="D81" s="807"/>
      <c r="E81" s="807"/>
      <c r="F81" s="808"/>
      <c r="G81" s="552" t="s">
        <v>120</v>
      </c>
      <c r="H81" s="809"/>
      <c r="I81" s="810" t="s">
        <v>121</v>
      </c>
      <c r="J81" s="809"/>
      <c r="K81" s="810" t="s">
        <v>122</v>
      </c>
      <c r="L81" s="809"/>
      <c r="M81" s="810" t="s">
        <v>123</v>
      </c>
      <c r="N81" s="809"/>
      <c r="O81" s="810" t="s">
        <v>124</v>
      </c>
      <c r="P81" s="809"/>
      <c r="Q81" s="810" t="s">
        <v>125</v>
      </c>
      <c r="R81" s="809"/>
      <c r="S81" s="810" t="s">
        <v>126</v>
      </c>
      <c r="T81" s="809"/>
      <c r="U81" s="810" t="s">
        <v>127</v>
      </c>
      <c r="V81" s="811"/>
      <c r="W81" s="306"/>
      <c r="X81" s="306"/>
      <c r="Y81" s="306"/>
      <c r="Z81" s="306"/>
      <c r="AA81" s="306"/>
      <c r="AB81" s="306"/>
      <c r="AC81" s="306"/>
      <c r="AD81" s="306"/>
      <c r="AE81" s="306"/>
    </row>
    <row r="82" spans="1:31" s="386" customFormat="1" ht="15.6" customHeight="1">
      <c r="A82" s="789"/>
      <c r="B82" s="812"/>
      <c r="C82" s="812"/>
      <c r="D82" s="812"/>
      <c r="E82" s="812"/>
      <c r="F82" s="813"/>
      <c r="G82" s="810"/>
      <c r="H82" s="809"/>
      <c r="I82" s="810"/>
      <c r="J82" s="809"/>
      <c r="K82" s="810"/>
      <c r="L82" s="809"/>
      <c r="M82" s="810"/>
      <c r="N82" s="809"/>
      <c r="O82" s="810"/>
      <c r="P82" s="809"/>
      <c r="Q82" s="810"/>
      <c r="R82" s="809"/>
      <c r="S82" s="810"/>
      <c r="T82" s="809"/>
      <c r="U82" s="810"/>
      <c r="V82" s="811"/>
      <c r="W82" s="306"/>
      <c r="X82" s="306"/>
      <c r="Y82" s="306"/>
      <c r="Z82" s="306"/>
      <c r="AA82" s="306"/>
      <c r="AB82" s="306"/>
      <c r="AC82" s="306"/>
      <c r="AD82" s="306"/>
      <c r="AE82" s="306"/>
    </row>
    <row r="83" spans="1:31" s="386" customFormat="1" ht="15.6" customHeight="1">
      <c r="A83" s="789"/>
      <c r="B83" s="814"/>
      <c r="C83" s="814"/>
      <c r="D83" s="814"/>
      <c r="E83" s="814"/>
      <c r="F83" s="815"/>
      <c r="G83" s="810" t="s">
        <v>128</v>
      </c>
      <c r="H83" s="552"/>
      <c r="I83" s="552"/>
      <c r="J83" s="552"/>
      <c r="K83" s="552"/>
      <c r="L83" s="809"/>
      <c r="M83" s="816"/>
      <c r="N83" s="817"/>
      <c r="O83" s="817"/>
      <c r="P83" s="817"/>
      <c r="Q83" s="817"/>
      <c r="R83" s="817"/>
      <c r="S83" s="817"/>
      <c r="T83" s="817"/>
      <c r="U83" s="817"/>
      <c r="V83" s="818"/>
      <c r="W83" s="306"/>
      <c r="X83" s="306" t="s">
        <v>51</v>
      </c>
      <c r="Y83" s="306"/>
      <c r="Z83" s="306"/>
      <c r="AA83" s="306"/>
      <c r="AB83" s="306"/>
      <c r="AC83" s="306"/>
      <c r="AD83" s="306"/>
      <c r="AE83" s="306"/>
    </row>
    <row r="84" spans="1:31" s="386" customFormat="1" ht="15.95" customHeight="1">
      <c r="A84" s="789"/>
      <c r="B84" s="819" t="s">
        <v>168</v>
      </c>
      <c r="C84" s="820"/>
      <c r="D84" s="820"/>
      <c r="E84" s="820"/>
      <c r="F84" s="32"/>
      <c r="G84" s="31"/>
      <c r="H84" s="820"/>
      <c r="I84" s="820" t="s">
        <v>130</v>
      </c>
      <c r="J84" s="820"/>
      <c r="K84" s="474"/>
      <c r="L84" s="474"/>
      <c r="M84" s="820" t="s">
        <v>169</v>
      </c>
      <c r="N84" s="820"/>
      <c r="O84" s="820"/>
      <c r="P84" s="820"/>
      <c r="Q84" s="820" t="s">
        <v>130</v>
      </c>
      <c r="R84" s="820"/>
      <c r="S84" s="34"/>
      <c r="T84" s="34"/>
      <c r="U84" s="34"/>
      <c r="V84" s="38"/>
      <c r="W84" s="306"/>
      <c r="X84" s="306"/>
      <c r="Y84" s="306"/>
      <c r="Z84" s="306"/>
      <c r="AA84" s="306"/>
      <c r="AB84" s="306"/>
      <c r="AC84" s="306"/>
      <c r="AD84" s="306"/>
      <c r="AE84" s="306"/>
    </row>
    <row r="85" spans="1:31" s="386" customFormat="1" ht="15.95" customHeight="1">
      <c r="A85" s="789"/>
      <c r="B85" s="821"/>
      <c r="C85" s="565" t="s">
        <v>132</v>
      </c>
      <c r="D85" s="566"/>
      <c r="E85" s="31" t="s">
        <v>170</v>
      </c>
      <c r="F85" s="32"/>
      <c r="G85" s="31"/>
      <c r="H85" s="820"/>
      <c r="I85" s="820" t="s">
        <v>130</v>
      </c>
      <c r="J85" s="820"/>
      <c r="K85" s="474"/>
      <c r="L85" s="474"/>
      <c r="M85" s="820" t="s">
        <v>169</v>
      </c>
      <c r="N85" s="820"/>
      <c r="O85" s="820"/>
      <c r="P85" s="820"/>
      <c r="Q85" s="820" t="s">
        <v>130</v>
      </c>
      <c r="R85" s="820"/>
      <c r="S85" s="34"/>
      <c r="T85" s="34"/>
      <c r="U85" s="34"/>
      <c r="V85" s="38"/>
      <c r="W85" s="306"/>
      <c r="X85" s="306"/>
      <c r="Y85" s="306"/>
      <c r="Z85" s="306"/>
      <c r="AA85" s="306"/>
      <c r="AB85" s="306"/>
      <c r="AC85" s="306"/>
      <c r="AD85" s="306"/>
      <c r="AE85" s="306"/>
    </row>
    <row r="86" spans="1:31" s="386" customFormat="1" ht="15.95" customHeight="1">
      <c r="A86" s="789"/>
      <c r="B86" s="822"/>
      <c r="C86" s="536"/>
      <c r="D86" s="492"/>
      <c r="E86" s="31" t="s">
        <v>134</v>
      </c>
      <c r="F86" s="32"/>
      <c r="G86" s="31"/>
      <c r="H86" s="820"/>
      <c r="I86" s="820" t="s">
        <v>130</v>
      </c>
      <c r="J86" s="820"/>
      <c r="K86" s="474"/>
      <c r="L86" s="474"/>
      <c r="M86" s="820" t="s">
        <v>169</v>
      </c>
      <c r="N86" s="820"/>
      <c r="O86" s="820"/>
      <c r="P86" s="820"/>
      <c r="Q86" s="820" t="s">
        <v>130</v>
      </c>
      <c r="R86" s="820"/>
      <c r="S86" s="34"/>
      <c r="T86" s="34"/>
      <c r="U86" s="34"/>
      <c r="V86" s="38"/>
      <c r="W86" s="306"/>
      <c r="X86" s="306"/>
      <c r="Y86" s="306"/>
      <c r="Z86" s="306"/>
      <c r="AA86" s="306"/>
      <c r="AB86" s="306"/>
      <c r="AC86" s="306"/>
      <c r="AD86" s="306"/>
      <c r="AE86" s="306"/>
    </row>
    <row r="87" spans="1:31" s="386" customFormat="1" ht="15.95" customHeight="1">
      <c r="A87" s="789"/>
      <c r="B87" s="823"/>
      <c r="C87" s="548"/>
      <c r="D87" s="569"/>
      <c r="E87" s="31" t="s">
        <v>171</v>
      </c>
      <c r="F87" s="32"/>
      <c r="G87" s="31"/>
      <c r="H87" s="820"/>
      <c r="I87" s="820" t="s">
        <v>130</v>
      </c>
      <c r="J87" s="820"/>
      <c r="K87" s="474"/>
      <c r="L87" s="474"/>
      <c r="M87" s="820" t="s">
        <v>169</v>
      </c>
      <c r="N87" s="820"/>
      <c r="O87" s="820"/>
      <c r="P87" s="820"/>
      <c r="Q87" s="820" t="s">
        <v>130</v>
      </c>
      <c r="R87" s="820"/>
      <c r="S87" s="34"/>
      <c r="T87" s="34"/>
      <c r="U87" s="34"/>
      <c r="V87" s="38"/>
      <c r="W87" s="306"/>
      <c r="X87" s="306"/>
      <c r="Y87" s="306"/>
      <c r="Z87" s="306"/>
      <c r="AA87" s="306"/>
      <c r="AB87" s="306"/>
      <c r="AC87" s="306"/>
      <c r="AD87" s="306"/>
      <c r="AE87" s="306"/>
    </row>
    <row r="88" spans="1:31" s="386" customFormat="1" ht="16.350000000000001" customHeight="1">
      <c r="A88" s="789"/>
      <c r="B88" s="608" t="s">
        <v>136</v>
      </c>
      <c r="C88" s="608"/>
      <c r="D88" s="608"/>
      <c r="E88" s="608"/>
      <c r="F88" s="566"/>
      <c r="G88" s="31"/>
      <c r="H88" s="820"/>
      <c r="I88" s="820" t="s">
        <v>130</v>
      </c>
      <c r="J88" s="820"/>
      <c r="K88" s="474"/>
      <c r="L88" s="474"/>
      <c r="M88" s="820" t="s">
        <v>169</v>
      </c>
      <c r="N88" s="820"/>
      <c r="O88" s="820"/>
      <c r="P88" s="820"/>
      <c r="Q88" s="820" t="s">
        <v>130</v>
      </c>
      <c r="R88" s="820"/>
      <c r="S88" s="34"/>
      <c r="T88" s="34"/>
      <c r="U88" s="34"/>
      <c r="V88" s="38"/>
      <c r="W88" s="306"/>
      <c r="X88" s="306"/>
      <c r="Y88" s="306"/>
      <c r="Z88" s="306"/>
      <c r="AA88" s="306"/>
      <c r="AB88" s="306"/>
      <c r="AC88" s="306"/>
      <c r="AD88" s="306"/>
      <c r="AE88" s="306"/>
    </row>
    <row r="89" spans="1:31" s="386" customFormat="1" ht="16.350000000000001" customHeight="1" thickBot="1">
      <c r="A89" s="842"/>
      <c r="B89" s="824" t="s">
        <v>137</v>
      </c>
      <c r="C89" s="528"/>
      <c r="D89" s="528"/>
      <c r="E89" s="528"/>
      <c r="F89" s="159"/>
      <c r="G89" s="576"/>
      <c r="H89" s="577"/>
      <c r="I89" s="577"/>
      <c r="J89" s="577"/>
      <c r="K89" s="579"/>
      <c r="L89" s="578" t="s">
        <v>172</v>
      </c>
      <c r="M89" s="528"/>
      <c r="N89" s="528"/>
      <c r="O89" s="581"/>
      <c r="P89" s="582"/>
      <c r="Q89" s="582"/>
      <c r="R89" s="825"/>
      <c r="S89" s="825"/>
      <c r="T89" s="585"/>
      <c r="U89" s="825"/>
      <c r="V89" s="583"/>
      <c r="W89" s="306"/>
      <c r="X89" s="306"/>
      <c r="Y89" s="306"/>
      <c r="Z89" s="306"/>
      <c r="AA89" s="306"/>
      <c r="AB89" s="306"/>
      <c r="AC89" s="306"/>
      <c r="AD89" s="306"/>
      <c r="AE89" s="306"/>
    </row>
    <row r="90" spans="1:31" s="386" customFormat="1" ht="15" customHeight="1">
      <c r="A90" s="786" t="s">
        <v>146</v>
      </c>
      <c r="B90" s="805" t="s">
        <v>166</v>
      </c>
      <c r="C90" s="805"/>
      <c r="D90" s="805"/>
      <c r="E90" s="805"/>
      <c r="F90" s="805"/>
      <c r="G90" s="805"/>
      <c r="H90" s="805"/>
      <c r="I90" s="805"/>
      <c r="J90" s="805"/>
      <c r="K90" s="805"/>
      <c r="L90" s="805"/>
      <c r="M90" s="805"/>
      <c r="N90" s="805"/>
      <c r="O90" s="805"/>
      <c r="P90" s="805"/>
      <c r="Q90" s="805"/>
      <c r="R90" s="805"/>
      <c r="S90" s="805"/>
      <c r="T90" s="805"/>
      <c r="U90" s="805"/>
      <c r="V90" s="806"/>
      <c r="W90" s="306"/>
      <c r="X90" s="306"/>
      <c r="Y90" s="306"/>
      <c r="Z90" s="306"/>
      <c r="AA90" s="306"/>
      <c r="AB90" s="306"/>
      <c r="AC90" s="306"/>
      <c r="AD90" s="306"/>
      <c r="AE90" s="306"/>
    </row>
    <row r="91" spans="1:31" s="386" customFormat="1" ht="16.350000000000001" customHeight="1">
      <c r="A91" s="789"/>
      <c r="B91" s="807" t="s">
        <v>167</v>
      </c>
      <c r="C91" s="807"/>
      <c r="D91" s="807"/>
      <c r="E91" s="807"/>
      <c r="F91" s="808"/>
      <c r="G91" s="552" t="s">
        <v>120</v>
      </c>
      <c r="H91" s="809"/>
      <c r="I91" s="810" t="s">
        <v>121</v>
      </c>
      <c r="J91" s="809"/>
      <c r="K91" s="810" t="s">
        <v>122</v>
      </c>
      <c r="L91" s="809"/>
      <c r="M91" s="810" t="s">
        <v>123</v>
      </c>
      <c r="N91" s="809"/>
      <c r="O91" s="810" t="s">
        <v>124</v>
      </c>
      <c r="P91" s="809"/>
      <c r="Q91" s="810" t="s">
        <v>125</v>
      </c>
      <c r="R91" s="809"/>
      <c r="S91" s="810" t="s">
        <v>126</v>
      </c>
      <c r="T91" s="809"/>
      <c r="U91" s="810" t="s">
        <v>127</v>
      </c>
      <c r="V91" s="811"/>
      <c r="W91" s="306"/>
      <c r="X91" s="306"/>
      <c r="Y91" s="306"/>
      <c r="Z91" s="306"/>
      <c r="AA91" s="306"/>
      <c r="AB91" s="306"/>
      <c r="AC91" s="306"/>
      <c r="AD91" s="306"/>
      <c r="AE91" s="306"/>
    </row>
    <row r="92" spans="1:31" s="386" customFormat="1" ht="15.6" customHeight="1">
      <c r="A92" s="789"/>
      <c r="B92" s="812"/>
      <c r="C92" s="812"/>
      <c r="D92" s="812"/>
      <c r="E92" s="812"/>
      <c r="F92" s="813"/>
      <c r="G92" s="810"/>
      <c r="H92" s="809"/>
      <c r="I92" s="810"/>
      <c r="J92" s="809"/>
      <c r="K92" s="810"/>
      <c r="L92" s="809"/>
      <c r="M92" s="810"/>
      <c r="N92" s="809"/>
      <c r="O92" s="810"/>
      <c r="P92" s="809"/>
      <c r="Q92" s="810"/>
      <c r="R92" s="809"/>
      <c r="S92" s="810"/>
      <c r="T92" s="809"/>
      <c r="U92" s="810"/>
      <c r="V92" s="811"/>
      <c r="W92" s="306"/>
      <c r="X92" s="306"/>
      <c r="Y92" s="306"/>
      <c r="Z92" s="306"/>
      <c r="AA92" s="306"/>
      <c r="AB92" s="306"/>
      <c r="AC92" s="306"/>
      <c r="AD92" s="306"/>
      <c r="AE92" s="306"/>
    </row>
    <row r="93" spans="1:31" s="386" customFormat="1" ht="15.6" customHeight="1">
      <c r="A93" s="789"/>
      <c r="B93" s="814"/>
      <c r="C93" s="814"/>
      <c r="D93" s="814"/>
      <c r="E93" s="814"/>
      <c r="F93" s="815"/>
      <c r="G93" s="810" t="s">
        <v>128</v>
      </c>
      <c r="H93" s="552"/>
      <c r="I93" s="552"/>
      <c r="J93" s="552"/>
      <c r="K93" s="552"/>
      <c r="L93" s="809"/>
      <c r="M93" s="816"/>
      <c r="N93" s="817"/>
      <c r="O93" s="817"/>
      <c r="P93" s="817"/>
      <c r="Q93" s="817"/>
      <c r="R93" s="817"/>
      <c r="S93" s="817"/>
      <c r="T93" s="817"/>
      <c r="U93" s="817"/>
      <c r="V93" s="818"/>
      <c r="W93" s="306"/>
      <c r="X93" s="306"/>
      <c r="Y93" s="306"/>
      <c r="Z93" s="306"/>
      <c r="AA93" s="306"/>
      <c r="AB93" s="306"/>
      <c r="AC93" s="306"/>
      <c r="AD93" s="306"/>
      <c r="AE93" s="306"/>
    </row>
    <row r="94" spans="1:31" s="386" customFormat="1" ht="15.95" customHeight="1">
      <c r="A94" s="789"/>
      <c r="B94" s="819" t="s">
        <v>168</v>
      </c>
      <c r="C94" s="820"/>
      <c r="D94" s="820"/>
      <c r="E94" s="820"/>
      <c r="F94" s="32"/>
      <c r="G94" s="31"/>
      <c r="H94" s="820"/>
      <c r="I94" s="820" t="s">
        <v>130</v>
      </c>
      <c r="J94" s="820"/>
      <c r="K94" s="474"/>
      <c r="L94" s="474"/>
      <c r="M94" s="820" t="s">
        <v>169</v>
      </c>
      <c r="N94" s="820"/>
      <c r="O94" s="820"/>
      <c r="P94" s="820"/>
      <c r="Q94" s="820" t="s">
        <v>130</v>
      </c>
      <c r="R94" s="820"/>
      <c r="S94" s="34"/>
      <c r="T94" s="34"/>
      <c r="U94" s="34"/>
      <c r="V94" s="38"/>
      <c r="W94" s="306"/>
      <c r="X94" s="306"/>
      <c r="Y94" s="306"/>
      <c r="Z94" s="306"/>
      <c r="AA94" s="306"/>
      <c r="AB94" s="306"/>
      <c r="AC94" s="306"/>
      <c r="AD94" s="306"/>
      <c r="AE94" s="306"/>
    </row>
    <row r="95" spans="1:31" s="386" customFormat="1" ht="15.95" customHeight="1">
      <c r="A95" s="789"/>
      <c r="B95" s="821"/>
      <c r="C95" s="565" t="s">
        <v>132</v>
      </c>
      <c r="D95" s="566"/>
      <c r="E95" s="31" t="s">
        <v>170</v>
      </c>
      <c r="F95" s="32"/>
      <c r="G95" s="31"/>
      <c r="H95" s="820"/>
      <c r="I95" s="820" t="s">
        <v>130</v>
      </c>
      <c r="J95" s="820"/>
      <c r="K95" s="474"/>
      <c r="L95" s="474"/>
      <c r="M95" s="820" t="s">
        <v>169</v>
      </c>
      <c r="N95" s="820"/>
      <c r="O95" s="820"/>
      <c r="P95" s="820"/>
      <c r="Q95" s="820" t="s">
        <v>130</v>
      </c>
      <c r="R95" s="820"/>
      <c r="S95" s="34"/>
      <c r="T95" s="34"/>
      <c r="U95" s="34"/>
      <c r="V95" s="38"/>
      <c r="W95" s="306"/>
      <c r="X95" s="306"/>
      <c r="Y95" s="306"/>
      <c r="Z95" s="306"/>
      <c r="AA95" s="306"/>
      <c r="AB95" s="306"/>
      <c r="AC95" s="306"/>
      <c r="AD95" s="306"/>
      <c r="AE95" s="306"/>
    </row>
    <row r="96" spans="1:31" s="386" customFormat="1" ht="15.95" customHeight="1">
      <c r="A96" s="789"/>
      <c r="B96" s="822"/>
      <c r="C96" s="536"/>
      <c r="D96" s="492"/>
      <c r="E96" s="31" t="s">
        <v>134</v>
      </c>
      <c r="F96" s="32"/>
      <c r="G96" s="31"/>
      <c r="H96" s="820"/>
      <c r="I96" s="820" t="s">
        <v>130</v>
      </c>
      <c r="J96" s="820"/>
      <c r="K96" s="474"/>
      <c r="L96" s="474"/>
      <c r="M96" s="820" t="s">
        <v>169</v>
      </c>
      <c r="N96" s="820"/>
      <c r="O96" s="820"/>
      <c r="P96" s="820"/>
      <c r="Q96" s="820" t="s">
        <v>130</v>
      </c>
      <c r="R96" s="820"/>
      <c r="S96" s="34"/>
      <c r="T96" s="34"/>
      <c r="U96" s="34"/>
      <c r="V96" s="38"/>
      <c r="W96" s="306"/>
      <c r="X96" s="306"/>
      <c r="Y96" s="306"/>
      <c r="Z96" s="306"/>
      <c r="AA96" s="306"/>
      <c r="AB96" s="306"/>
      <c r="AC96" s="306"/>
      <c r="AD96" s="306"/>
      <c r="AE96" s="306"/>
    </row>
    <row r="97" spans="1:31" s="386" customFormat="1" ht="15.95" customHeight="1">
      <c r="A97" s="789"/>
      <c r="B97" s="823"/>
      <c r="C97" s="548"/>
      <c r="D97" s="569"/>
      <c r="E97" s="31" t="s">
        <v>171</v>
      </c>
      <c r="F97" s="32"/>
      <c r="G97" s="31"/>
      <c r="H97" s="820"/>
      <c r="I97" s="820" t="s">
        <v>130</v>
      </c>
      <c r="J97" s="820"/>
      <c r="K97" s="474"/>
      <c r="L97" s="474"/>
      <c r="M97" s="820" t="s">
        <v>169</v>
      </c>
      <c r="N97" s="820"/>
      <c r="O97" s="820"/>
      <c r="P97" s="820"/>
      <c r="Q97" s="820" t="s">
        <v>130</v>
      </c>
      <c r="R97" s="820"/>
      <c r="S97" s="34"/>
      <c r="T97" s="34"/>
      <c r="U97" s="34"/>
      <c r="V97" s="38"/>
      <c r="W97" s="306"/>
      <c r="X97" s="306"/>
      <c r="Y97" s="306"/>
      <c r="Z97" s="306"/>
      <c r="AA97" s="306"/>
      <c r="AB97" s="306"/>
      <c r="AC97" s="306"/>
      <c r="AD97" s="306"/>
      <c r="AE97" s="306"/>
    </row>
    <row r="98" spans="1:31" s="386" customFormat="1" ht="16.350000000000001" customHeight="1">
      <c r="A98" s="789"/>
      <c r="B98" s="608" t="s">
        <v>136</v>
      </c>
      <c r="C98" s="608"/>
      <c r="D98" s="608"/>
      <c r="E98" s="608"/>
      <c r="F98" s="566"/>
      <c r="G98" s="31"/>
      <c r="H98" s="820"/>
      <c r="I98" s="820" t="s">
        <v>130</v>
      </c>
      <c r="J98" s="820"/>
      <c r="K98" s="474"/>
      <c r="L98" s="474"/>
      <c r="M98" s="820" t="s">
        <v>169</v>
      </c>
      <c r="N98" s="820"/>
      <c r="O98" s="820"/>
      <c r="P98" s="820"/>
      <c r="Q98" s="820" t="s">
        <v>130</v>
      </c>
      <c r="R98" s="820"/>
      <c r="S98" s="34"/>
      <c r="T98" s="34"/>
      <c r="U98" s="34"/>
      <c r="V98" s="38"/>
      <c r="W98" s="306"/>
      <c r="X98" s="306"/>
      <c r="Y98" s="306"/>
      <c r="Z98" s="306"/>
      <c r="AA98" s="306"/>
      <c r="AB98" s="306"/>
      <c r="AC98" s="306"/>
      <c r="AD98" s="306"/>
      <c r="AE98" s="306"/>
    </row>
    <row r="99" spans="1:31" s="386" customFormat="1" ht="16.350000000000001" customHeight="1" thickBot="1">
      <c r="A99" s="842"/>
      <c r="B99" s="824" t="s">
        <v>137</v>
      </c>
      <c r="C99" s="528"/>
      <c r="D99" s="528"/>
      <c r="E99" s="528"/>
      <c r="F99" s="159"/>
      <c r="G99" s="576"/>
      <c r="H99" s="577"/>
      <c r="I99" s="577"/>
      <c r="J99" s="577"/>
      <c r="K99" s="579"/>
      <c r="L99" s="578" t="s">
        <v>178</v>
      </c>
      <c r="M99" s="528"/>
      <c r="N99" s="528"/>
      <c r="O99" s="581"/>
      <c r="P99" s="582"/>
      <c r="Q99" s="582"/>
      <c r="R99" s="825"/>
      <c r="S99" s="825"/>
      <c r="T99" s="585"/>
      <c r="U99" s="825"/>
      <c r="V99" s="583"/>
      <c r="W99" s="306"/>
      <c r="X99" s="306"/>
      <c r="Y99" s="306"/>
      <c r="Z99" s="306"/>
      <c r="AA99" s="306"/>
      <c r="AB99" s="306"/>
      <c r="AC99" s="306"/>
      <c r="AD99" s="306"/>
      <c r="AE99" s="306"/>
    </row>
    <row r="100" spans="1:31" s="386" customFormat="1" ht="15" customHeight="1">
      <c r="A100" s="786" t="s">
        <v>147</v>
      </c>
      <c r="B100" s="805" t="s">
        <v>166</v>
      </c>
      <c r="C100" s="805"/>
      <c r="D100" s="805"/>
      <c r="E100" s="805"/>
      <c r="F100" s="805"/>
      <c r="G100" s="805"/>
      <c r="H100" s="805"/>
      <c r="I100" s="805"/>
      <c r="J100" s="805"/>
      <c r="K100" s="805"/>
      <c r="L100" s="805"/>
      <c r="M100" s="805"/>
      <c r="N100" s="805"/>
      <c r="O100" s="805"/>
      <c r="P100" s="805"/>
      <c r="Q100" s="805"/>
      <c r="R100" s="805"/>
      <c r="S100" s="805"/>
      <c r="T100" s="805"/>
      <c r="U100" s="805"/>
      <c r="V100" s="806"/>
      <c r="W100" s="306"/>
      <c r="X100" s="306"/>
      <c r="Y100" s="306"/>
      <c r="Z100" s="306"/>
      <c r="AA100" s="306"/>
      <c r="AB100" s="306"/>
      <c r="AC100" s="306"/>
      <c r="AD100" s="306"/>
      <c r="AE100" s="306"/>
    </row>
    <row r="101" spans="1:31" s="386" customFormat="1" ht="16.350000000000001" customHeight="1">
      <c r="A101" s="789"/>
      <c r="B101" s="807" t="s">
        <v>167</v>
      </c>
      <c r="C101" s="807"/>
      <c r="D101" s="807"/>
      <c r="E101" s="807"/>
      <c r="F101" s="808"/>
      <c r="G101" s="552" t="s">
        <v>120</v>
      </c>
      <c r="H101" s="809"/>
      <c r="I101" s="810" t="s">
        <v>121</v>
      </c>
      <c r="J101" s="809"/>
      <c r="K101" s="810" t="s">
        <v>122</v>
      </c>
      <c r="L101" s="809"/>
      <c r="M101" s="810" t="s">
        <v>123</v>
      </c>
      <c r="N101" s="809"/>
      <c r="O101" s="810" t="s">
        <v>124</v>
      </c>
      <c r="P101" s="809"/>
      <c r="Q101" s="810" t="s">
        <v>125</v>
      </c>
      <c r="R101" s="809"/>
      <c r="S101" s="810" t="s">
        <v>126</v>
      </c>
      <c r="T101" s="809"/>
      <c r="U101" s="810" t="s">
        <v>127</v>
      </c>
      <c r="V101" s="811"/>
      <c r="W101" s="306"/>
      <c r="X101" s="306"/>
      <c r="Y101" s="306"/>
      <c r="Z101" s="306"/>
      <c r="AA101" s="306"/>
      <c r="AB101" s="306"/>
      <c r="AC101" s="306"/>
      <c r="AD101" s="306"/>
      <c r="AE101" s="306"/>
    </row>
    <row r="102" spans="1:31" s="386" customFormat="1" ht="15.6" customHeight="1">
      <c r="A102" s="789"/>
      <c r="B102" s="812"/>
      <c r="C102" s="812"/>
      <c r="D102" s="812"/>
      <c r="E102" s="812"/>
      <c r="F102" s="813"/>
      <c r="G102" s="810"/>
      <c r="H102" s="809"/>
      <c r="I102" s="810"/>
      <c r="J102" s="809"/>
      <c r="K102" s="810"/>
      <c r="L102" s="809"/>
      <c r="M102" s="810"/>
      <c r="N102" s="809"/>
      <c r="O102" s="810"/>
      <c r="P102" s="809"/>
      <c r="Q102" s="810"/>
      <c r="R102" s="809"/>
      <c r="S102" s="810"/>
      <c r="T102" s="809"/>
      <c r="U102" s="810"/>
      <c r="V102" s="811"/>
      <c r="W102" s="306"/>
      <c r="X102" s="306"/>
      <c r="Y102" s="306"/>
      <c r="Z102" s="306"/>
      <c r="AA102" s="306"/>
      <c r="AB102" s="306"/>
      <c r="AC102" s="306"/>
      <c r="AD102" s="306"/>
      <c r="AE102" s="306"/>
    </row>
    <row r="103" spans="1:31" s="386" customFormat="1" ht="15.6" customHeight="1">
      <c r="A103" s="789"/>
      <c r="B103" s="814"/>
      <c r="C103" s="814"/>
      <c r="D103" s="814"/>
      <c r="E103" s="814"/>
      <c r="F103" s="815"/>
      <c r="G103" s="810" t="s">
        <v>128</v>
      </c>
      <c r="H103" s="552"/>
      <c r="I103" s="552"/>
      <c r="J103" s="552"/>
      <c r="K103" s="552"/>
      <c r="L103" s="809"/>
      <c r="M103" s="816"/>
      <c r="N103" s="817"/>
      <c r="O103" s="817"/>
      <c r="P103" s="817"/>
      <c r="Q103" s="817"/>
      <c r="R103" s="817"/>
      <c r="S103" s="817"/>
      <c r="T103" s="817"/>
      <c r="U103" s="817"/>
      <c r="V103" s="818"/>
      <c r="W103" s="306"/>
      <c r="X103" s="306"/>
      <c r="Y103" s="306"/>
      <c r="Z103" s="306"/>
      <c r="AA103" s="306"/>
      <c r="AB103" s="306"/>
      <c r="AC103" s="306"/>
      <c r="AD103" s="306"/>
      <c r="AE103" s="306"/>
    </row>
    <row r="104" spans="1:31" s="386" customFormat="1" ht="15.95" customHeight="1">
      <c r="A104" s="789"/>
      <c r="B104" s="819" t="s">
        <v>168</v>
      </c>
      <c r="C104" s="820"/>
      <c r="D104" s="820"/>
      <c r="E104" s="820"/>
      <c r="F104" s="32"/>
      <c r="G104" s="31"/>
      <c r="H104" s="820"/>
      <c r="I104" s="820" t="s">
        <v>130</v>
      </c>
      <c r="J104" s="820"/>
      <c r="K104" s="474"/>
      <c r="L104" s="474"/>
      <c r="M104" s="820" t="s">
        <v>169</v>
      </c>
      <c r="N104" s="820"/>
      <c r="O104" s="820"/>
      <c r="P104" s="820"/>
      <c r="Q104" s="820" t="s">
        <v>130</v>
      </c>
      <c r="R104" s="820"/>
      <c r="S104" s="34"/>
      <c r="T104" s="34"/>
      <c r="U104" s="34"/>
      <c r="V104" s="38"/>
      <c r="W104" s="306"/>
      <c r="X104" s="306"/>
      <c r="Y104" s="306"/>
      <c r="Z104" s="306"/>
      <c r="AA104" s="306"/>
      <c r="AB104" s="306"/>
      <c r="AC104" s="306"/>
      <c r="AD104" s="306"/>
      <c r="AE104" s="306"/>
    </row>
    <row r="105" spans="1:31" s="386" customFormat="1" ht="15.95" customHeight="1">
      <c r="A105" s="789"/>
      <c r="B105" s="821"/>
      <c r="C105" s="565" t="s">
        <v>132</v>
      </c>
      <c r="D105" s="566"/>
      <c r="E105" s="31" t="s">
        <v>170</v>
      </c>
      <c r="F105" s="32"/>
      <c r="G105" s="31"/>
      <c r="H105" s="820"/>
      <c r="I105" s="820" t="s">
        <v>130</v>
      </c>
      <c r="J105" s="820"/>
      <c r="K105" s="474"/>
      <c r="L105" s="474"/>
      <c r="M105" s="820" t="s">
        <v>169</v>
      </c>
      <c r="N105" s="820"/>
      <c r="O105" s="820"/>
      <c r="P105" s="820"/>
      <c r="Q105" s="820" t="s">
        <v>130</v>
      </c>
      <c r="R105" s="820"/>
      <c r="S105" s="34"/>
      <c r="T105" s="34"/>
      <c r="U105" s="34"/>
      <c r="V105" s="38"/>
      <c r="W105" s="306"/>
      <c r="X105" s="306"/>
      <c r="Y105" s="306"/>
      <c r="Z105" s="306"/>
      <c r="AA105" s="306"/>
      <c r="AB105" s="306"/>
      <c r="AC105" s="306"/>
      <c r="AD105" s="306"/>
      <c r="AE105" s="306"/>
    </row>
    <row r="106" spans="1:31" s="386" customFormat="1" ht="15.95" customHeight="1">
      <c r="A106" s="789"/>
      <c r="B106" s="822"/>
      <c r="C106" s="536"/>
      <c r="D106" s="492"/>
      <c r="E106" s="31" t="s">
        <v>134</v>
      </c>
      <c r="F106" s="32"/>
      <c r="G106" s="31"/>
      <c r="H106" s="820"/>
      <c r="I106" s="820" t="s">
        <v>130</v>
      </c>
      <c r="J106" s="820"/>
      <c r="K106" s="474"/>
      <c r="L106" s="474"/>
      <c r="M106" s="820" t="s">
        <v>169</v>
      </c>
      <c r="N106" s="820"/>
      <c r="O106" s="820"/>
      <c r="P106" s="820"/>
      <c r="Q106" s="820" t="s">
        <v>130</v>
      </c>
      <c r="R106" s="820"/>
      <c r="S106" s="34"/>
      <c r="T106" s="34"/>
      <c r="U106" s="34"/>
      <c r="V106" s="38"/>
      <c r="W106" s="306"/>
      <c r="X106" s="306"/>
      <c r="Y106" s="306"/>
      <c r="Z106" s="306"/>
      <c r="AA106" s="306"/>
      <c r="AB106" s="306"/>
      <c r="AC106" s="306"/>
      <c r="AD106" s="306"/>
      <c r="AE106" s="306"/>
    </row>
    <row r="107" spans="1:31" s="386" customFormat="1" ht="15.95" customHeight="1">
      <c r="A107" s="789"/>
      <c r="B107" s="823"/>
      <c r="C107" s="548"/>
      <c r="D107" s="569"/>
      <c r="E107" s="31" t="s">
        <v>171</v>
      </c>
      <c r="F107" s="32"/>
      <c r="G107" s="31"/>
      <c r="H107" s="820"/>
      <c r="I107" s="820" t="s">
        <v>130</v>
      </c>
      <c r="J107" s="820"/>
      <c r="K107" s="474"/>
      <c r="L107" s="474"/>
      <c r="M107" s="820" t="s">
        <v>169</v>
      </c>
      <c r="N107" s="820"/>
      <c r="O107" s="820"/>
      <c r="P107" s="820"/>
      <c r="Q107" s="820" t="s">
        <v>130</v>
      </c>
      <c r="R107" s="820"/>
      <c r="S107" s="34"/>
      <c r="T107" s="34"/>
      <c r="U107" s="34"/>
      <c r="V107" s="38"/>
      <c r="W107" s="306"/>
      <c r="X107" s="306"/>
      <c r="Y107" s="306"/>
      <c r="Z107" s="306"/>
      <c r="AA107" s="306"/>
      <c r="AB107" s="306"/>
      <c r="AC107" s="306"/>
      <c r="AD107" s="306"/>
      <c r="AE107" s="306"/>
    </row>
    <row r="108" spans="1:31" s="386" customFormat="1" ht="16.350000000000001" customHeight="1">
      <c r="A108" s="789"/>
      <c r="B108" s="608" t="s">
        <v>136</v>
      </c>
      <c r="C108" s="608"/>
      <c r="D108" s="608"/>
      <c r="E108" s="608"/>
      <c r="F108" s="566"/>
      <c r="G108" s="31"/>
      <c r="H108" s="820"/>
      <c r="I108" s="820" t="s">
        <v>130</v>
      </c>
      <c r="J108" s="820"/>
      <c r="K108" s="474"/>
      <c r="L108" s="474"/>
      <c r="M108" s="820" t="s">
        <v>169</v>
      </c>
      <c r="N108" s="820"/>
      <c r="O108" s="820"/>
      <c r="P108" s="820"/>
      <c r="Q108" s="820" t="s">
        <v>130</v>
      </c>
      <c r="R108" s="820"/>
      <c r="S108" s="34"/>
      <c r="T108" s="34"/>
      <c r="U108" s="34"/>
      <c r="V108" s="38"/>
      <c r="W108" s="306"/>
      <c r="X108" s="306"/>
      <c r="Y108" s="306"/>
      <c r="Z108" s="306"/>
      <c r="AA108" s="306"/>
      <c r="AB108" s="306"/>
      <c r="AC108" s="306"/>
      <c r="AD108" s="306"/>
      <c r="AE108" s="306"/>
    </row>
    <row r="109" spans="1:31" s="386" customFormat="1" ht="16.350000000000001" customHeight="1" thickBot="1">
      <c r="A109" s="842"/>
      <c r="B109" s="824" t="s">
        <v>137</v>
      </c>
      <c r="C109" s="528"/>
      <c r="D109" s="528"/>
      <c r="E109" s="528"/>
      <c r="F109" s="159"/>
      <c r="G109" s="576"/>
      <c r="H109" s="577"/>
      <c r="I109" s="577"/>
      <c r="J109" s="577"/>
      <c r="K109" s="579"/>
      <c r="L109" s="578" t="s">
        <v>178</v>
      </c>
      <c r="M109" s="528"/>
      <c r="N109" s="528"/>
      <c r="O109" s="581"/>
      <c r="P109" s="582"/>
      <c r="Q109" s="582"/>
      <c r="R109" s="825"/>
      <c r="S109" s="825"/>
      <c r="T109" s="585"/>
      <c r="U109" s="825"/>
      <c r="V109" s="583"/>
      <c r="W109" s="306"/>
      <c r="X109" s="306"/>
      <c r="Y109" s="306"/>
      <c r="Z109" s="306"/>
      <c r="AA109" s="306"/>
      <c r="AB109" s="306"/>
      <c r="AC109" s="306"/>
      <c r="AD109" s="306"/>
      <c r="AE109" s="306"/>
    </row>
    <row r="110" spans="1:31" s="833" customFormat="1" ht="16.5" customHeight="1">
      <c r="A110" s="383"/>
      <c r="B110" s="384"/>
      <c r="C110" s="384"/>
      <c r="D110" s="384"/>
      <c r="E110" s="384"/>
      <c r="F110" s="384"/>
      <c r="G110" s="385"/>
      <c r="H110" s="385"/>
      <c r="I110" s="385"/>
      <c r="J110" s="385"/>
      <c r="K110" s="385"/>
      <c r="L110" s="385"/>
      <c r="M110" s="385"/>
      <c r="N110" s="385"/>
      <c r="O110" s="385"/>
      <c r="P110" s="385"/>
      <c r="Q110" s="385"/>
      <c r="R110" s="385"/>
      <c r="S110" s="385"/>
      <c r="T110" s="385"/>
      <c r="U110" s="385"/>
      <c r="V110" s="385"/>
    </row>
    <row r="111" spans="1:31" ht="15.95" customHeight="1">
      <c r="A111" s="843" t="s">
        <v>52</v>
      </c>
      <c r="B111" s="844" t="s">
        <v>179</v>
      </c>
      <c r="C111" s="845" t="s">
        <v>180</v>
      </c>
      <c r="D111" s="845"/>
      <c r="E111" s="845"/>
      <c r="F111" s="845"/>
      <c r="G111" s="845"/>
      <c r="H111" s="845"/>
      <c r="I111" s="845"/>
      <c r="J111" s="845"/>
      <c r="K111" s="845"/>
      <c r="L111" s="845"/>
      <c r="M111" s="845"/>
      <c r="N111" s="845"/>
      <c r="O111" s="845"/>
      <c r="P111" s="845"/>
      <c r="Q111" s="845"/>
      <c r="R111" s="845"/>
      <c r="S111" s="845"/>
      <c r="T111" s="845"/>
      <c r="U111" s="845"/>
      <c r="V111" s="845"/>
    </row>
    <row r="112" spans="1:31" ht="15.95" customHeight="1">
      <c r="A112" s="390"/>
      <c r="B112" s="846"/>
      <c r="C112" s="845"/>
      <c r="D112" s="845"/>
      <c r="E112" s="845"/>
      <c r="F112" s="845"/>
      <c r="G112" s="845"/>
      <c r="H112" s="845"/>
      <c r="I112" s="845"/>
      <c r="J112" s="845"/>
      <c r="K112" s="845"/>
      <c r="L112" s="845"/>
      <c r="M112" s="845"/>
      <c r="N112" s="845"/>
      <c r="O112" s="845"/>
      <c r="P112" s="845"/>
      <c r="Q112" s="845"/>
      <c r="R112" s="845"/>
      <c r="S112" s="845"/>
      <c r="T112" s="845"/>
      <c r="U112" s="845"/>
      <c r="V112" s="845"/>
    </row>
    <row r="113" spans="1:22" ht="15.95" customHeight="1">
      <c r="A113" s="847"/>
      <c r="B113" s="846"/>
      <c r="C113" s="845"/>
      <c r="D113" s="845"/>
      <c r="E113" s="845"/>
      <c r="F113" s="845"/>
      <c r="G113" s="845"/>
      <c r="H113" s="845"/>
      <c r="I113" s="845"/>
      <c r="J113" s="845"/>
      <c r="K113" s="845"/>
      <c r="L113" s="845"/>
      <c r="M113" s="845"/>
      <c r="N113" s="845"/>
      <c r="O113" s="845"/>
      <c r="P113" s="845"/>
      <c r="Q113" s="845"/>
      <c r="R113" s="845"/>
      <c r="S113" s="845"/>
      <c r="T113" s="845"/>
      <c r="U113" s="845"/>
      <c r="V113" s="845"/>
    </row>
    <row r="114" spans="1:22" ht="15.95" customHeight="1">
      <c r="A114" s="390"/>
      <c r="B114" s="846"/>
      <c r="C114" s="845"/>
      <c r="D114" s="845"/>
      <c r="E114" s="845"/>
      <c r="F114" s="845"/>
      <c r="G114" s="845"/>
      <c r="H114" s="845"/>
      <c r="I114" s="845"/>
      <c r="J114" s="845"/>
      <c r="K114" s="845"/>
      <c r="L114" s="845"/>
      <c r="M114" s="845"/>
      <c r="N114" s="845"/>
      <c r="O114" s="845"/>
      <c r="P114" s="845"/>
      <c r="Q114" s="845"/>
      <c r="R114" s="845"/>
      <c r="S114" s="845"/>
      <c r="T114" s="845"/>
      <c r="U114" s="845"/>
      <c r="V114" s="845"/>
    </row>
    <row r="115" spans="1:22" ht="15.75" customHeight="1">
      <c r="A115" s="847"/>
      <c r="B115" s="846"/>
      <c r="C115" s="845"/>
      <c r="D115" s="845"/>
      <c r="E115" s="845"/>
      <c r="F115" s="845"/>
      <c r="G115" s="845"/>
      <c r="H115" s="845"/>
      <c r="I115" s="845"/>
      <c r="J115" s="845"/>
      <c r="K115" s="845"/>
      <c r="L115" s="845"/>
      <c r="M115" s="845"/>
      <c r="N115" s="845"/>
      <c r="O115" s="845"/>
      <c r="P115" s="845"/>
      <c r="Q115" s="845"/>
      <c r="R115" s="845"/>
      <c r="S115" s="845"/>
      <c r="T115" s="845"/>
      <c r="U115" s="845"/>
      <c r="V115" s="845"/>
    </row>
    <row r="116" spans="1:22" ht="15.95" customHeight="1">
      <c r="A116" s="390"/>
      <c r="B116" s="846"/>
      <c r="C116" s="845"/>
      <c r="D116" s="845"/>
      <c r="E116" s="845"/>
      <c r="F116" s="845"/>
      <c r="G116" s="845"/>
      <c r="H116" s="845"/>
      <c r="I116" s="845"/>
      <c r="J116" s="845"/>
      <c r="K116" s="845"/>
      <c r="L116" s="845"/>
      <c r="M116" s="845"/>
      <c r="N116" s="845"/>
      <c r="O116" s="845"/>
      <c r="P116" s="845"/>
      <c r="Q116" s="845"/>
      <c r="R116" s="845"/>
      <c r="S116" s="845"/>
      <c r="T116" s="845"/>
      <c r="U116" s="845"/>
      <c r="V116" s="845"/>
    </row>
    <row r="117" spans="1:22" ht="15.95" customHeight="1">
      <c r="A117" s="847"/>
      <c r="B117" s="846"/>
      <c r="C117" s="845"/>
      <c r="D117" s="845"/>
      <c r="E117" s="845"/>
      <c r="F117" s="845"/>
      <c r="G117" s="845"/>
      <c r="H117" s="845"/>
      <c r="I117" s="845"/>
      <c r="J117" s="845"/>
      <c r="K117" s="845"/>
      <c r="L117" s="845"/>
      <c r="M117" s="845"/>
      <c r="N117" s="845"/>
      <c r="O117" s="845"/>
      <c r="P117" s="845"/>
      <c r="Q117" s="845"/>
      <c r="R117" s="845"/>
      <c r="S117" s="845"/>
      <c r="T117" s="845"/>
      <c r="U117" s="845"/>
      <c r="V117" s="845"/>
    </row>
    <row r="118" spans="1:22" ht="12.75" customHeight="1">
      <c r="A118" s="390"/>
      <c r="B118" s="391"/>
      <c r="C118" s="391"/>
      <c r="D118" s="391"/>
      <c r="E118" s="391"/>
      <c r="F118" s="391"/>
      <c r="G118" s="391"/>
      <c r="H118" s="391"/>
      <c r="I118" s="391"/>
      <c r="J118" s="391"/>
      <c r="K118" s="391"/>
      <c r="L118" s="391"/>
      <c r="M118" s="391"/>
      <c r="N118" s="391"/>
      <c r="O118" s="391"/>
      <c r="P118" s="391"/>
      <c r="Q118" s="391"/>
      <c r="R118" s="391"/>
      <c r="S118" s="391"/>
      <c r="T118" s="391"/>
      <c r="U118" s="391"/>
      <c r="V118" s="391"/>
    </row>
    <row r="120" spans="1:22" s="392" customFormat="1"/>
    <row r="122" spans="1:22" s="392" customFormat="1"/>
    <row r="124" spans="1:22" s="392" customFormat="1"/>
  </sheetData>
  <mergeCells count="579">
    <mergeCell ref="B109:F109"/>
    <mergeCell ref="G109:J109"/>
    <mergeCell ref="M109:N109"/>
    <mergeCell ref="P109:Q109"/>
    <mergeCell ref="B111:B117"/>
    <mergeCell ref="C111:V117"/>
    <mergeCell ref="Q107:R107"/>
    <mergeCell ref="S107:V107"/>
    <mergeCell ref="B108:F108"/>
    <mergeCell ref="G108:H108"/>
    <mergeCell ref="I108:J108"/>
    <mergeCell ref="K108:L108"/>
    <mergeCell ref="M108:N108"/>
    <mergeCell ref="O108:P108"/>
    <mergeCell ref="Q108:R108"/>
    <mergeCell ref="S108:V108"/>
    <mergeCell ref="E107:F107"/>
    <mergeCell ref="G107:H107"/>
    <mergeCell ref="I107:J107"/>
    <mergeCell ref="K107:L107"/>
    <mergeCell ref="M107:N107"/>
    <mergeCell ref="O107:P107"/>
    <mergeCell ref="Q105:R105"/>
    <mergeCell ref="S105:V105"/>
    <mergeCell ref="E106:F106"/>
    <mergeCell ref="G106:H106"/>
    <mergeCell ref="I106:J106"/>
    <mergeCell ref="K106:L106"/>
    <mergeCell ref="M106:N106"/>
    <mergeCell ref="O106:P106"/>
    <mergeCell ref="Q106:R106"/>
    <mergeCell ref="S106:V106"/>
    <mergeCell ref="O104:P104"/>
    <mergeCell ref="Q104:R104"/>
    <mergeCell ref="S104:V104"/>
    <mergeCell ref="C105:D107"/>
    <mergeCell ref="E105:F105"/>
    <mergeCell ref="G105:H105"/>
    <mergeCell ref="I105:J105"/>
    <mergeCell ref="K105:L105"/>
    <mergeCell ref="M105:N105"/>
    <mergeCell ref="O105:P105"/>
    <mergeCell ref="Q102:R102"/>
    <mergeCell ref="S102:T102"/>
    <mergeCell ref="U102:V102"/>
    <mergeCell ref="G103:L103"/>
    <mergeCell ref="M103:V103"/>
    <mergeCell ref="B104:F104"/>
    <mergeCell ref="G104:H104"/>
    <mergeCell ref="I104:J104"/>
    <mergeCell ref="K104:L104"/>
    <mergeCell ref="M104:N104"/>
    <mergeCell ref="M101:N101"/>
    <mergeCell ref="O101:P101"/>
    <mergeCell ref="Q101:R101"/>
    <mergeCell ref="S101:T101"/>
    <mergeCell ref="U101:V101"/>
    <mergeCell ref="G102:H102"/>
    <mergeCell ref="I102:J102"/>
    <mergeCell ref="K102:L102"/>
    <mergeCell ref="M102:N102"/>
    <mergeCell ref="O102:P102"/>
    <mergeCell ref="B99:F99"/>
    <mergeCell ref="G99:J99"/>
    <mergeCell ref="M99:N99"/>
    <mergeCell ref="P99:Q99"/>
    <mergeCell ref="A100:A109"/>
    <mergeCell ref="B100:V100"/>
    <mergeCell ref="B101:F103"/>
    <mergeCell ref="G101:H101"/>
    <mergeCell ref="I101:J101"/>
    <mergeCell ref="K101:L101"/>
    <mergeCell ref="Q97:R97"/>
    <mergeCell ref="S97:V97"/>
    <mergeCell ref="B98:F98"/>
    <mergeCell ref="G98:H98"/>
    <mergeCell ref="I98:J98"/>
    <mergeCell ref="K98:L98"/>
    <mergeCell ref="M98:N98"/>
    <mergeCell ref="O98:P98"/>
    <mergeCell ref="Q98:R98"/>
    <mergeCell ref="S98:V98"/>
    <mergeCell ref="E97:F97"/>
    <mergeCell ref="G97:H97"/>
    <mergeCell ref="I97:J97"/>
    <mergeCell ref="K97:L97"/>
    <mergeCell ref="M97:N97"/>
    <mergeCell ref="O97:P97"/>
    <mergeCell ref="Q95:R95"/>
    <mergeCell ref="S95:V95"/>
    <mergeCell ref="E96:F96"/>
    <mergeCell ref="G96:H96"/>
    <mergeCell ref="I96:J96"/>
    <mergeCell ref="K96:L96"/>
    <mergeCell ref="M96:N96"/>
    <mergeCell ref="O96:P96"/>
    <mergeCell ref="Q96:R96"/>
    <mergeCell ref="S96:V96"/>
    <mergeCell ref="O94:P94"/>
    <mergeCell ref="Q94:R94"/>
    <mergeCell ref="S94:V94"/>
    <mergeCell ref="C95:D97"/>
    <mergeCell ref="E95:F95"/>
    <mergeCell ref="G95:H95"/>
    <mergeCell ref="I95:J95"/>
    <mergeCell ref="K95:L95"/>
    <mergeCell ref="M95:N95"/>
    <mergeCell ref="O95:P95"/>
    <mergeCell ref="Q92:R92"/>
    <mergeCell ref="S92:T92"/>
    <mergeCell ref="U92:V92"/>
    <mergeCell ref="G93:L93"/>
    <mergeCell ref="M93:V93"/>
    <mergeCell ref="B94:F94"/>
    <mergeCell ref="G94:H94"/>
    <mergeCell ref="I94:J94"/>
    <mergeCell ref="K94:L94"/>
    <mergeCell ref="M94:N94"/>
    <mergeCell ref="M91:N91"/>
    <mergeCell ref="O91:P91"/>
    <mergeCell ref="Q91:R91"/>
    <mergeCell ref="S91:T91"/>
    <mergeCell ref="U91:V91"/>
    <mergeCell ref="G92:H92"/>
    <mergeCell ref="I92:J92"/>
    <mergeCell ref="K92:L92"/>
    <mergeCell ref="M92:N92"/>
    <mergeCell ref="O92:P92"/>
    <mergeCell ref="B89:F89"/>
    <mergeCell ref="G89:J89"/>
    <mergeCell ref="M89:N89"/>
    <mergeCell ref="P89:Q89"/>
    <mergeCell ref="A90:A99"/>
    <mergeCell ref="B90:V90"/>
    <mergeCell ref="B91:F93"/>
    <mergeCell ref="G91:H91"/>
    <mergeCell ref="I91:J91"/>
    <mergeCell ref="K91:L91"/>
    <mergeCell ref="Q87:R87"/>
    <mergeCell ref="S87:V87"/>
    <mergeCell ref="B88:F88"/>
    <mergeCell ref="G88:H88"/>
    <mergeCell ref="I88:J88"/>
    <mergeCell ref="K88:L88"/>
    <mergeCell ref="M88:N88"/>
    <mergeCell ref="O88:P88"/>
    <mergeCell ref="Q88:R88"/>
    <mergeCell ref="S88:V88"/>
    <mergeCell ref="E87:F87"/>
    <mergeCell ref="G87:H87"/>
    <mergeCell ref="I87:J87"/>
    <mergeCell ref="K87:L87"/>
    <mergeCell ref="M87:N87"/>
    <mergeCell ref="O87:P87"/>
    <mergeCell ref="S85:V85"/>
    <mergeCell ref="E86:F86"/>
    <mergeCell ref="G86:H86"/>
    <mergeCell ref="I86:J86"/>
    <mergeCell ref="K86:L86"/>
    <mergeCell ref="M86:N86"/>
    <mergeCell ref="O86:P86"/>
    <mergeCell ref="Q86:R86"/>
    <mergeCell ref="S86:V86"/>
    <mergeCell ref="Q84:R84"/>
    <mergeCell ref="S84:V84"/>
    <mergeCell ref="C85:D87"/>
    <mergeCell ref="E85:F85"/>
    <mergeCell ref="G85:H85"/>
    <mergeCell ref="I85:J85"/>
    <mergeCell ref="K85:L85"/>
    <mergeCell ref="M85:N85"/>
    <mergeCell ref="O85:P85"/>
    <mergeCell ref="Q85:R85"/>
    <mergeCell ref="S82:T82"/>
    <mergeCell ref="U82:V82"/>
    <mergeCell ref="G83:L83"/>
    <mergeCell ref="M83:V83"/>
    <mergeCell ref="B84:F84"/>
    <mergeCell ref="G84:H84"/>
    <mergeCell ref="I84:J84"/>
    <mergeCell ref="K84:L84"/>
    <mergeCell ref="M84:N84"/>
    <mergeCell ref="O84:P84"/>
    <mergeCell ref="G82:H82"/>
    <mergeCell ref="I82:J82"/>
    <mergeCell ref="K82:L82"/>
    <mergeCell ref="M82:N82"/>
    <mergeCell ref="O82:P82"/>
    <mergeCell ref="Q82:R82"/>
    <mergeCell ref="K81:L81"/>
    <mergeCell ref="M81:N81"/>
    <mergeCell ref="O81:P81"/>
    <mergeCell ref="Q81:R81"/>
    <mergeCell ref="S81:T81"/>
    <mergeCell ref="U81:V81"/>
    <mergeCell ref="A78:V78"/>
    <mergeCell ref="A79:H79"/>
    <mergeCell ref="I79:J79"/>
    <mergeCell ref="M79:S79"/>
    <mergeCell ref="T79:U79"/>
    <mergeCell ref="A80:A89"/>
    <mergeCell ref="B80:V80"/>
    <mergeCell ref="B81:F83"/>
    <mergeCell ref="G81:H81"/>
    <mergeCell ref="I81:J81"/>
    <mergeCell ref="E75:V75"/>
    <mergeCell ref="B76:D77"/>
    <mergeCell ref="E76:F76"/>
    <mergeCell ref="G76:J76"/>
    <mergeCell ref="K76:L76"/>
    <mergeCell ref="M76:N76"/>
    <mergeCell ref="O76:P76"/>
    <mergeCell ref="Q76:V76"/>
    <mergeCell ref="E77:F77"/>
    <mergeCell ref="G77:V77"/>
    <mergeCell ref="H72:I72"/>
    <mergeCell ref="K72:L72"/>
    <mergeCell ref="N72:V72"/>
    <mergeCell ref="E73:G74"/>
    <mergeCell ref="J73:N74"/>
    <mergeCell ref="Q73:V74"/>
    <mergeCell ref="A66:D66"/>
    <mergeCell ref="E66:V66"/>
    <mergeCell ref="A69:V69"/>
    <mergeCell ref="A70:A77"/>
    <mergeCell ref="B70:D70"/>
    <mergeCell ref="E70:V70"/>
    <mergeCell ref="B71:D71"/>
    <mergeCell ref="E71:V71"/>
    <mergeCell ref="B72:D75"/>
    <mergeCell ref="E72:G72"/>
    <mergeCell ref="Q64:R64"/>
    <mergeCell ref="S64:V64"/>
    <mergeCell ref="B65:F65"/>
    <mergeCell ref="G65:J65"/>
    <mergeCell ref="M65:N65"/>
    <mergeCell ref="P65:Q65"/>
    <mergeCell ref="B64:F64"/>
    <mergeCell ref="G64:H64"/>
    <mergeCell ref="I64:J64"/>
    <mergeCell ref="K64:L64"/>
    <mergeCell ref="M64:N64"/>
    <mergeCell ref="O64:P64"/>
    <mergeCell ref="Q62:R62"/>
    <mergeCell ref="S62:V62"/>
    <mergeCell ref="E63:F63"/>
    <mergeCell ref="G63:H63"/>
    <mergeCell ref="I63:J63"/>
    <mergeCell ref="K63:L63"/>
    <mergeCell ref="M63:N63"/>
    <mergeCell ref="O63:P63"/>
    <mergeCell ref="Q63:R63"/>
    <mergeCell ref="S63:V63"/>
    <mergeCell ref="E62:F62"/>
    <mergeCell ref="G62:H62"/>
    <mergeCell ref="I62:J62"/>
    <mergeCell ref="K62:L62"/>
    <mergeCell ref="M62:N62"/>
    <mergeCell ref="O62:P62"/>
    <mergeCell ref="S60:V60"/>
    <mergeCell ref="C61:D63"/>
    <mergeCell ref="E61:F61"/>
    <mergeCell ref="G61:H61"/>
    <mergeCell ref="I61:J61"/>
    <mergeCell ref="K61:L61"/>
    <mergeCell ref="M61:N61"/>
    <mergeCell ref="O61:P61"/>
    <mergeCell ref="Q61:R61"/>
    <mergeCell ref="S61:V61"/>
    <mergeCell ref="U58:V58"/>
    <mergeCell ref="G59:L59"/>
    <mergeCell ref="M59:V59"/>
    <mergeCell ref="B60:F60"/>
    <mergeCell ref="G60:H60"/>
    <mergeCell ref="I60:J60"/>
    <mergeCell ref="K60:L60"/>
    <mergeCell ref="M60:N60"/>
    <mergeCell ref="O60:P60"/>
    <mergeCell ref="Q60:R60"/>
    <mergeCell ref="Q57:R57"/>
    <mergeCell ref="S57:T57"/>
    <mergeCell ref="U57:V57"/>
    <mergeCell ref="G58:H58"/>
    <mergeCell ref="I58:J58"/>
    <mergeCell ref="K58:L58"/>
    <mergeCell ref="M58:N58"/>
    <mergeCell ref="O58:P58"/>
    <mergeCell ref="Q58:R58"/>
    <mergeCell ref="S58:T58"/>
    <mergeCell ref="Q55:R55"/>
    <mergeCell ref="S55:T55"/>
    <mergeCell ref="U55:V55"/>
    <mergeCell ref="B56:V56"/>
    <mergeCell ref="B57:F59"/>
    <mergeCell ref="G57:H57"/>
    <mergeCell ref="I57:J57"/>
    <mergeCell ref="K57:L57"/>
    <mergeCell ref="M57:N57"/>
    <mergeCell ref="O57:P57"/>
    <mergeCell ref="O54:P54"/>
    <mergeCell ref="Q54:R54"/>
    <mergeCell ref="S54:T54"/>
    <mergeCell ref="U54:V54"/>
    <mergeCell ref="C55:F55"/>
    <mergeCell ref="G55:H55"/>
    <mergeCell ref="I55:J55"/>
    <mergeCell ref="K55:L55"/>
    <mergeCell ref="M55:N55"/>
    <mergeCell ref="O55:P55"/>
    <mergeCell ref="M53:N53"/>
    <mergeCell ref="O53:P53"/>
    <mergeCell ref="Q53:R53"/>
    <mergeCell ref="S53:T53"/>
    <mergeCell ref="U53:V53"/>
    <mergeCell ref="C54:F54"/>
    <mergeCell ref="G54:H54"/>
    <mergeCell ref="I54:J54"/>
    <mergeCell ref="K54:L54"/>
    <mergeCell ref="M54:N54"/>
    <mergeCell ref="A51:A65"/>
    <mergeCell ref="B51:V51"/>
    <mergeCell ref="B52:F53"/>
    <mergeCell ref="G52:J52"/>
    <mergeCell ref="K52:N52"/>
    <mergeCell ref="O52:R52"/>
    <mergeCell ref="S52:V52"/>
    <mergeCell ref="G53:H53"/>
    <mergeCell ref="I53:J53"/>
    <mergeCell ref="K53:L53"/>
    <mergeCell ref="Q49:R49"/>
    <mergeCell ref="S49:V49"/>
    <mergeCell ref="B50:F50"/>
    <mergeCell ref="G50:J50"/>
    <mergeCell ref="M50:N50"/>
    <mergeCell ref="P50:Q50"/>
    <mergeCell ref="B49:F49"/>
    <mergeCell ref="G49:H49"/>
    <mergeCell ref="I49:J49"/>
    <mergeCell ref="K49:L49"/>
    <mergeCell ref="M49:N49"/>
    <mergeCell ref="O49:P49"/>
    <mergeCell ref="Q47:R47"/>
    <mergeCell ref="S47:V47"/>
    <mergeCell ref="E48:F48"/>
    <mergeCell ref="G48:H48"/>
    <mergeCell ref="I48:J48"/>
    <mergeCell ref="K48:L48"/>
    <mergeCell ref="M48:N48"/>
    <mergeCell ref="O48:P48"/>
    <mergeCell ref="Q48:R48"/>
    <mergeCell ref="S48:V48"/>
    <mergeCell ref="E47:F47"/>
    <mergeCell ref="G47:H47"/>
    <mergeCell ref="I47:J47"/>
    <mergeCell ref="K47:L47"/>
    <mergeCell ref="M47:N47"/>
    <mergeCell ref="O47:P47"/>
    <mergeCell ref="S45:V45"/>
    <mergeCell ref="C46:D48"/>
    <mergeCell ref="E46:F46"/>
    <mergeCell ref="G46:H46"/>
    <mergeCell ref="I46:J46"/>
    <mergeCell ref="K46:L46"/>
    <mergeCell ref="M46:N46"/>
    <mergeCell ref="O46:P46"/>
    <mergeCell ref="Q46:R46"/>
    <mergeCell ref="S46:V46"/>
    <mergeCell ref="U43:V43"/>
    <mergeCell ref="G44:L44"/>
    <mergeCell ref="M44:V44"/>
    <mergeCell ref="B45:F45"/>
    <mergeCell ref="G45:H45"/>
    <mergeCell ref="I45:J45"/>
    <mergeCell ref="K45:L45"/>
    <mergeCell ref="M45:N45"/>
    <mergeCell ref="O45:P45"/>
    <mergeCell ref="Q45:R45"/>
    <mergeCell ref="Q42:R42"/>
    <mergeCell ref="S42:T42"/>
    <mergeCell ref="U42:V42"/>
    <mergeCell ref="G43:H43"/>
    <mergeCell ref="I43:J43"/>
    <mergeCell ref="K43:L43"/>
    <mergeCell ref="M43:N43"/>
    <mergeCell ref="O43:P43"/>
    <mergeCell ref="Q43:R43"/>
    <mergeCell ref="S43:T43"/>
    <mergeCell ref="Q40:R40"/>
    <mergeCell ref="S40:T40"/>
    <mergeCell ref="U40:V40"/>
    <mergeCell ref="B41:V41"/>
    <mergeCell ref="B42:F44"/>
    <mergeCell ref="G42:H42"/>
    <mergeCell ref="I42:J42"/>
    <mergeCell ref="K42:L42"/>
    <mergeCell ref="M42:N42"/>
    <mergeCell ref="O42:P42"/>
    <mergeCell ref="O39:P39"/>
    <mergeCell ref="Q39:R39"/>
    <mergeCell ref="S39:T39"/>
    <mergeCell ref="U39:V39"/>
    <mergeCell ref="C40:F40"/>
    <mergeCell ref="G40:H40"/>
    <mergeCell ref="I40:J40"/>
    <mergeCell ref="K40:L40"/>
    <mergeCell ref="M40:N40"/>
    <mergeCell ref="O40:P40"/>
    <mergeCell ref="M38:N38"/>
    <mergeCell ref="O38:P38"/>
    <mergeCell ref="Q38:R38"/>
    <mergeCell ref="S38:T38"/>
    <mergeCell ref="U38:V38"/>
    <mergeCell ref="C39:F39"/>
    <mergeCell ref="G39:H39"/>
    <mergeCell ref="I39:J39"/>
    <mergeCell ref="K39:L39"/>
    <mergeCell ref="M39:N39"/>
    <mergeCell ref="A36:A50"/>
    <mergeCell ref="B36:V36"/>
    <mergeCell ref="B37:F38"/>
    <mergeCell ref="G37:J37"/>
    <mergeCell ref="K37:N37"/>
    <mergeCell ref="O37:R37"/>
    <mergeCell ref="S37:V37"/>
    <mergeCell ref="G38:H38"/>
    <mergeCell ref="I38:J38"/>
    <mergeCell ref="K38:L38"/>
    <mergeCell ref="Q34:R34"/>
    <mergeCell ref="S34:V34"/>
    <mergeCell ref="B35:F35"/>
    <mergeCell ref="G35:J35"/>
    <mergeCell ref="M35:N35"/>
    <mergeCell ref="P35:Q35"/>
    <mergeCell ref="B34:F34"/>
    <mergeCell ref="G34:H34"/>
    <mergeCell ref="I34:J34"/>
    <mergeCell ref="K34:L34"/>
    <mergeCell ref="M34:N34"/>
    <mergeCell ref="O34:P34"/>
    <mergeCell ref="S32:V32"/>
    <mergeCell ref="E33:F33"/>
    <mergeCell ref="G33:H33"/>
    <mergeCell ref="I33:J33"/>
    <mergeCell ref="K33:L33"/>
    <mergeCell ref="M33:N33"/>
    <mergeCell ref="O33:P33"/>
    <mergeCell ref="Q33:R33"/>
    <mergeCell ref="S33:V33"/>
    <mergeCell ref="O31:P31"/>
    <mergeCell ref="Q31:R31"/>
    <mergeCell ref="S31:V31"/>
    <mergeCell ref="E32:F32"/>
    <mergeCell ref="G32:H32"/>
    <mergeCell ref="I32:J32"/>
    <mergeCell ref="K32:L32"/>
    <mergeCell ref="M32:N32"/>
    <mergeCell ref="O32:P32"/>
    <mergeCell ref="Q32:R32"/>
    <mergeCell ref="C31:D33"/>
    <mergeCell ref="E31:F31"/>
    <mergeCell ref="G31:H31"/>
    <mergeCell ref="I31:J31"/>
    <mergeCell ref="K31:L31"/>
    <mergeCell ref="M31:N31"/>
    <mergeCell ref="G29:L29"/>
    <mergeCell ref="M29:V29"/>
    <mergeCell ref="B30:F30"/>
    <mergeCell ref="G30:H30"/>
    <mergeCell ref="I30:J30"/>
    <mergeCell ref="K30:L30"/>
    <mergeCell ref="M30:N30"/>
    <mergeCell ref="O30:P30"/>
    <mergeCell ref="Q30:R30"/>
    <mergeCell ref="S30:V30"/>
    <mergeCell ref="S27:T27"/>
    <mergeCell ref="U27:V27"/>
    <mergeCell ref="G28:H28"/>
    <mergeCell ref="I28:J28"/>
    <mergeCell ref="K28:L28"/>
    <mergeCell ref="M28:N28"/>
    <mergeCell ref="O28:P28"/>
    <mergeCell ref="Q28:R28"/>
    <mergeCell ref="S28:T28"/>
    <mergeCell ref="U28:V28"/>
    <mergeCell ref="S25:T25"/>
    <mergeCell ref="U25:V25"/>
    <mergeCell ref="B26:V26"/>
    <mergeCell ref="B27:F29"/>
    <mergeCell ref="G27:H27"/>
    <mergeCell ref="I27:J27"/>
    <mergeCell ref="K27:L27"/>
    <mergeCell ref="M27:N27"/>
    <mergeCell ref="O27:P27"/>
    <mergeCell ref="Q27:R27"/>
    <mergeCell ref="Q24:R24"/>
    <mergeCell ref="S24:T24"/>
    <mergeCell ref="U24:V24"/>
    <mergeCell ref="C25:F25"/>
    <mergeCell ref="G25:H25"/>
    <mergeCell ref="I25:J25"/>
    <mergeCell ref="K25:L25"/>
    <mergeCell ref="M25:N25"/>
    <mergeCell ref="O25:P25"/>
    <mergeCell ref="Q25:R25"/>
    <mergeCell ref="C24:F24"/>
    <mergeCell ref="G24:H24"/>
    <mergeCell ref="I24:J24"/>
    <mergeCell ref="K24:L24"/>
    <mergeCell ref="M24:N24"/>
    <mergeCell ref="O24:P24"/>
    <mergeCell ref="O22:R22"/>
    <mergeCell ref="S22:V22"/>
    <mergeCell ref="G23:H23"/>
    <mergeCell ref="I23:J23"/>
    <mergeCell ref="K23:L23"/>
    <mergeCell ref="M23:N23"/>
    <mergeCell ref="O23:P23"/>
    <mergeCell ref="Q23:R23"/>
    <mergeCell ref="S23:T23"/>
    <mergeCell ref="U23:V23"/>
    <mergeCell ref="A19:V19"/>
    <mergeCell ref="A20:H20"/>
    <mergeCell ref="I20:J20"/>
    <mergeCell ref="M20:S20"/>
    <mergeCell ref="T20:U20"/>
    <mergeCell ref="A21:A35"/>
    <mergeCell ref="B21:V21"/>
    <mergeCell ref="B22:F23"/>
    <mergeCell ref="G22:J22"/>
    <mergeCell ref="K22:N22"/>
    <mergeCell ref="B16:D18"/>
    <mergeCell ref="E16:F16"/>
    <mergeCell ref="G16:S16"/>
    <mergeCell ref="U16:V16"/>
    <mergeCell ref="E17:F18"/>
    <mergeCell ref="G17:V17"/>
    <mergeCell ref="G18:V18"/>
    <mergeCell ref="E13:J13"/>
    <mergeCell ref="N13:V14"/>
    <mergeCell ref="B14:D14"/>
    <mergeCell ref="E14:J14"/>
    <mergeCell ref="B15:F15"/>
    <mergeCell ref="G15:V15"/>
    <mergeCell ref="A11:D11"/>
    <mergeCell ref="E11:V11"/>
    <mergeCell ref="A12:A18"/>
    <mergeCell ref="B12:D12"/>
    <mergeCell ref="E12:J12"/>
    <mergeCell ref="K12:M14"/>
    <mergeCell ref="N12:O12"/>
    <mergeCell ref="P12:Q12"/>
    <mergeCell ref="S12:T12"/>
    <mergeCell ref="B13:D13"/>
    <mergeCell ref="E8:V8"/>
    <mergeCell ref="B9:D10"/>
    <mergeCell ref="E9:F9"/>
    <mergeCell ref="G9:J9"/>
    <mergeCell ref="K9:L9"/>
    <mergeCell ref="M9:N9"/>
    <mergeCell ref="O9:P9"/>
    <mergeCell ref="Q9:V9"/>
    <mergeCell ref="E10:F10"/>
    <mergeCell ref="G10:V10"/>
    <mergeCell ref="H5:I5"/>
    <mergeCell ref="K5:L5"/>
    <mergeCell ref="N5:V5"/>
    <mergeCell ref="E6:G7"/>
    <mergeCell ref="J6:N7"/>
    <mergeCell ref="Q6:V7"/>
    <mergeCell ref="A1:V1"/>
    <mergeCell ref="A2:A10"/>
    <mergeCell ref="B2:D2"/>
    <mergeCell ref="E2:V2"/>
    <mergeCell ref="B3:D3"/>
    <mergeCell ref="E3:V3"/>
    <mergeCell ref="B4:D4"/>
    <mergeCell ref="E4:V4"/>
    <mergeCell ref="B5:D8"/>
    <mergeCell ref="E5:G5"/>
  </mergeCells>
  <phoneticPr fontId="3"/>
  <dataValidations count="1">
    <dataValidation type="list" allowBlank="1" showInputMessage="1" showErrorMessage="1" sqref="G28:V28 G43:V43 G58:V58 G82:V82 G102:V102 G92:V92" xr:uid="{1F89A42B-86B1-41E4-B39A-11F7F85F5D0A}">
      <formula1>"〇"</formula1>
    </dataValidation>
  </dataValidations>
  <printOptions horizontalCentered="1"/>
  <pageMargins left="0.70866141732283472" right="0.70866141732283472" top="0.74803149606299213" bottom="0.74803149606299213" header="0.31496062992125984" footer="0.31496062992125984"/>
  <pageSetup paperSize="9" scale="37" orientation="portrait" r:id="rId1"/>
  <headerFooter alignWithMargins="0"/>
  <rowBreaks count="1" manualBreakCount="1">
    <brk id="6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10</xdr:col>
                    <xdr:colOff>152400</xdr:colOff>
                    <xdr:row>9</xdr:row>
                    <xdr:rowOff>171450</xdr:rowOff>
                  </from>
                  <to>
                    <xdr:col>11</xdr:col>
                    <xdr:colOff>304800</xdr:colOff>
                    <xdr:row>11</xdr:row>
                    <xdr:rowOff>1905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4</xdr:col>
                    <xdr:colOff>304800</xdr:colOff>
                    <xdr:row>9</xdr:row>
                    <xdr:rowOff>171450</xdr:rowOff>
                  </from>
                  <to>
                    <xdr:col>5</xdr:col>
                    <xdr:colOff>438150</xdr:colOff>
                    <xdr:row>11</xdr:row>
                    <xdr:rowOff>1905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FD6926-812B-4C63-97D8-7CAF176F98BA}">
  <sheetPr>
    <pageSetUpPr fitToPage="1"/>
  </sheetPr>
  <dimension ref="A1:AH75"/>
  <sheetViews>
    <sheetView view="pageBreakPreview" zoomScaleNormal="100" zoomScaleSheetLayoutView="100" workbookViewId="0">
      <selection activeCell="A2" sqref="A2:AK76"/>
    </sheetView>
  </sheetViews>
  <sheetFormatPr defaultColWidth="9.125" defaultRowHeight="12"/>
  <cols>
    <col min="1" max="4" width="6" style="452" customWidth="1"/>
    <col min="5" max="6" width="6.125" style="452" customWidth="1"/>
    <col min="7" max="30" width="6" style="452" customWidth="1"/>
    <col min="31" max="16384" width="9.125" style="452"/>
  </cols>
  <sheetData>
    <row r="1" spans="1:34" ht="36" customHeight="1">
      <c r="A1" s="393" t="s">
        <v>181</v>
      </c>
      <c r="B1" s="393"/>
      <c r="C1" s="393"/>
      <c r="D1" s="393"/>
      <c r="E1" s="393"/>
      <c r="F1" s="393"/>
      <c r="G1" s="393"/>
      <c r="H1" s="393"/>
      <c r="I1" s="393"/>
      <c r="J1" s="393"/>
      <c r="K1" s="393"/>
      <c r="L1" s="393"/>
      <c r="M1" s="393"/>
      <c r="N1" s="393"/>
      <c r="O1" s="393"/>
      <c r="P1" s="393"/>
      <c r="Q1" s="393"/>
      <c r="R1" s="393"/>
      <c r="S1" s="393"/>
      <c r="T1" s="393"/>
      <c r="U1" s="393"/>
      <c r="V1" s="393"/>
    </row>
    <row r="2" spans="1:34" ht="15" customHeight="1" thickBot="1">
      <c r="A2" s="848" t="s">
        <v>151</v>
      </c>
      <c r="B2" s="848"/>
      <c r="C2" s="848"/>
      <c r="D2" s="848"/>
      <c r="E2" s="848"/>
      <c r="F2" s="848"/>
      <c r="G2" s="848"/>
      <c r="H2" s="848"/>
      <c r="I2" s="848"/>
      <c r="J2" s="848"/>
      <c r="K2" s="848"/>
      <c r="L2" s="848"/>
      <c r="M2" s="848"/>
      <c r="N2" s="848"/>
      <c r="O2" s="848"/>
      <c r="P2" s="848"/>
      <c r="Q2" s="848"/>
      <c r="R2" s="848"/>
      <c r="S2" s="848"/>
      <c r="T2" s="848"/>
      <c r="U2" s="848"/>
      <c r="V2" s="848"/>
    </row>
    <row r="3" spans="1:34" ht="15" customHeight="1">
      <c r="A3" s="849" t="s">
        <v>152</v>
      </c>
      <c r="B3" s="850" t="s">
        <v>32</v>
      </c>
      <c r="C3" s="850"/>
      <c r="D3" s="850"/>
      <c r="E3" s="850"/>
      <c r="F3" s="850"/>
      <c r="G3" s="850"/>
      <c r="H3" s="850"/>
      <c r="I3" s="850"/>
      <c r="J3" s="850"/>
      <c r="K3" s="850"/>
      <c r="L3" s="850"/>
      <c r="M3" s="850"/>
      <c r="N3" s="850"/>
      <c r="O3" s="850"/>
      <c r="P3" s="850"/>
      <c r="Q3" s="850"/>
      <c r="R3" s="850"/>
      <c r="S3" s="850"/>
      <c r="T3" s="850"/>
      <c r="U3" s="850"/>
      <c r="V3" s="851"/>
    </row>
    <row r="4" spans="1:34" ht="15" customHeight="1">
      <c r="A4" s="852"/>
      <c r="B4" s="853" t="s">
        <v>33</v>
      </c>
      <c r="C4" s="854"/>
      <c r="D4" s="854"/>
      <c r="E4" s="854"/>
      <c r="F4" s="855"/>
      <c r="G4" s="856" t="s">
        <v>163</v>
      </c>
      <c r="H4" s="857"/>
      <c r="I4" s="857"/>
      <c r="J4" s="858"/>
      <c r="K4" s="859" t="s">
        <v>164</v>
      </c>
      <c r="L4" s="860"/>
      <c r="M4" s="860"/>
      <c r="N4" s="861"/>
      <c r="O4" s="859" t="s">
        <v>115</v>
      </c>
      <c r="P4" s="860"/>
      <c r="Q4" s="860"/>
      <c r="R4" s="861"/>
      <c r="S4" s="859" t="s">
        <v>165</v>
      </c>
      <c r="T4" s="860"/>
      <c r="U4" s="860"/>
      <c r="V4" s="862"/>
    </row>
    <row r="5" spans="1:34" ht="15" customHeight="1">
      <c r="A5" s="852"/>
      <c r="B5" s="863"/>
      <c r="C5" s="864"/>
      <c r="D5" s="864"/>
      <c r="E5" s="864"/>
      <c r="F5" s="865"/>
      <c r="G5" s="859" t="s">
        <v>41</v>
      </c>
      <c r="H5" s="861"/>
      <c r="I5" s="859" t="s">
        <v>42</v>
      </c>
      <c r="J5" s="861"/>
      <c r="K5" s="859" t="s">
        <v>41</v>
      </c>
      <c r="L5" s="861"/>
      <c r="M5" s="859" t="s">
        <v>42</v>
      </c>
      <c r="N5" s="861"/>
      <c r="O5" s="859" t="s">
        <v>41</v>
      </c>
      <c r="P5" s="861"/>
      <c r="Q5" s="859" t="s">
        <v>42</v>
      </c>
      <c r="R5" s="861"/>
      <c r="S5" s="859" t="s">
        <v>41</v>
      </c>
      <c r="T5" s="861"/>
      <c r="U5" s="859" t="s">
        <v>42</v>
      </c>
      <c r="V5" s="862"/>
    </row>
    <row r="6" spans="1:34" ht="15" customHeight="1">
      <c r="A6" s="852"/>
      <c r="B6" s="866"/>
      <c r="C6" s="859" t="s">
        <v>86</v>
      </c>
      <c r="D6" s="860"/>
      <c r="E6" s="860"/>
      <c r="F6" s="861"/>
      <c r="G6" s="859"/>
      <c r="H6" s="861"/>
      <c r="I6" s="859"/>
      <c r="J6" s="861"/>
      <c r="K6" s="859"/>
      <c r="L6" s="861"/>
      <c r="M6" s="859"/>
      <c r="N6" s="861"/>
      <c r="O6" s="859"/>
      <c r="P6" s="861"/>
      <c r="Q6" s="859"/>
      <c r="R6" s="861"/>
      <c r="S6" s="859"/>
      <c r="T6" s="861"/>
      <c r="U6" s="859"/>
      <c r="V6" s="862"/>
    </row>
    <row r="7" spans="1:34" ht="15" customHeight="1">
      <c r="A7" s="852"/>
      <c r="B7" s="867"/>
      <c r="C7" s="868" t="s">
        <v>46</v>
      </c>
      <c r="D7" s="860"/>
      <c r="E7" s="860"/>
      <c r="F7" s="861"/>
      <c r="G7" s="859"/>
      <c r="H7" s="861"/>
      <c r="I7" s="859"/>
      <c r="J7" s="861"/>
      <c r="K7" s="859"/>
      <c r="L7" s="861"/>
      <c r="M7" s="859"/>
      <c r="N7" s="861"/>
      <c r="O7" s="859"/>
      <c r="P7" s="861"/>
      <c r="Q7" s="859"/>
      <c r="R7" s="861"/>
      <c r="S7" s="859"/>
      <c r="T7" s="861"/>
      <c r="U7" s="859"/>
      <c r="V7" s="862"/>
    </row>
    <row r="8" spans="1:34" s="618" customFormat="1" ht="15" customHeight="1">
      <c r="A8" s="852"/>
      <c r="B8" s="869" t="s">
        <v>166</v>
      </c>
      <c r="C8" s="869"/>
      <c r="D8" s="869"/>
      <c r="E8" s="869"/>
      <c r="F8" s="869"/>
      <c r="G8" s="869"/>
      <c r="H8" s="869"/>
      <c r="I8" s="869"/>
      <c r="J8" s="869"/>
      <c r="K8" s="869"/>
      <c r="L8" s="869"/>
      <c r="M8" s="869"/>
      <c r="N8" s="869"/>
      <c r="O8" s="869"/>
      <c r="P8" s="869"/>
      <c r="Q8" s="869"/>
      <c r="R8" s="869"/>
      <c r="S8" s="869"/>
      <c r="T8" s="869"/>
      <c r="U8" s="869"/>
      <c r="V8" s="870"/>
      <c r="W8" s="452"/>
      <c r="X8" s="452"/>
      <c r="Y8" s="452"/>
      <c r="Z8" s="452"/>
      <c r="AA8" s="452"/>
      <c r="AB8" s="452"/>
      <c r="AC8" s="452"/>
      <c r="AD8" s="452"/>
      <c r="AE8" s="452"/>
      <c r="AF8" s="452"/>
      <c r="AG8" s="452"/>
      <c r="AH8" s="452"/>
    </row>
    <row r="9" spans="1:34" s="618" customFormat="1" ht="16.350000000000001" customHeight="1">
      <c r="A9" s="852"/>
      <c r="B9" s="871" t="s">
        <v>167</v>
      </c>
      <c r="C9" s="871"/>
      <c r="D9" s="871"/>
      <c r="E9" s="871"/>
      <c r="F9" s="872"/>
      <c r="G9" s="649" t="s">
        <v>120</v>
      </c>
      <c r="H9" s="873"/>
      <c r="I9" s="874" t="s">
        <v>121</v>
      </c>
      <c r="J9" s="873"/>
      <c r="K9" s="874" t="s">
        <v>122</v>
      </c>
      <c r="L9" s="873"/>
      <c r="M9" s="874" t="s">
        <v>123</v>
      </c>
      <c r="N9" s="873"/>
      <c r="O9" s="874" t="s">
        <v>124</v>
      </c>
      <c r="P9" s="873"/>
      <c r="Q9" s="874" t="s">
        <v>125</v>
      </c>
      <c r="R9" s="873"/>
      <c r="S9" s="874" t="s">
        <v>126</v>
      </c>
      <c r="T9" s="873"/>
      <c r="U9" s="874" t="s">
        <v>127</v>
      </c>
      <c r="V9" s="875"/>
      <c r="W9" s="452"/>
      <c r="X9" s="452"/>
      <c r="Y9" s="452"/>
      <c r="Z9" s="452"/>
      <c r="AA9" s="452"/>
      <c r="AB9" s="452"/>
      <c r="AC9" s="452"/>
      <c r="AD9" s="452"/>
      <c r="AE9" s="452"/>
      <c r="AF9" s="452"/>
      <c r="AG9" s="452"/>
      <c r="AH9" s="452"/>
    </row>
    <row r="10" spans="1:34" s="618" customFormat="1" ht="15.6" customHeight="1">
      <c r="A10" s="852"/>
      <c r="B10" s="876"/>
      <c r="C10" s="876"/>
      <c r="D10" s="876"/>
      <c r="E10" s="876"/>
      <c r="F10" s="877"/>
      <c r="G10" s="874"/>
      <c r="H10" s="873"/>
      <c r="I10" s="874"/>
      <c r="J10" s="873"/>
      <c r="K10" s="874"/>
      <c r="L10" s="873"/>
      <c r="M10" s="874"/>
      <c r="N10" s="873"/>
      <c r="O10" s="874"/>
      <c r="P10" s="873"/>
      <c r="Q10" s="874"/>
      <c r="R10" s="873"/>
      <c r="S10" s="874"/>
      <c r="T10" s="873"/>
      <c r="U10" s="874"/>
      <c r="V10" s="875"/>
      <c r="W10" s="452"/>
      <c r="X10" s="452"/>
      <c r="Y10" s="452"/>
      <c r="Z10" s="452"/>
      <c r="AA10" s="452"/>
      <c r="AB10" s="452"/>
      <c r="AC10" s="452"/>
      <c r="AD10" s="452"/>
      <c r="AE10" s="452"/>
      <c r="AF10" s="452"/>
      <c r="AG10" s="452"/>
      <c r="AH10" s="452"/>
    </row>
    <row r="11" spans="1:34" s="618" customFormat="1" ht="15.6" customHeight="1">
      <c r="A11" s="852"/>
      <c r="B11" s="878"/>
      <c r="C11" s="878"/>
      <c r="D11" s="878"/>
      <c r="E11" s="878"/>
      <c r="F11" s="879"/>
      <c r="G11" s="874" t="s">
        <v>128</v>
      </c>
      <c r="H11" s="649"/>
      <c r="I11" s="649"/>
      <c r="J11" s="649"/>
      <c r="K11" s="649"/>
      <c r="L11" s="873"/>
      <c r="M11" s="880"/>
      <c r="N11" s="881"/>
      <c r="O11" s="881"/>
      <c r="P11" s="881"/>
      <c r="Q11" s="881"/>
      <c r="R11" s="881"/>
      <c r="S11" s="881"/>
      <c r="T11" s="881"/>
      <c r="U11" s="881"/>
      <c r="V11" s="882"/>
      <c r="W11" s="452"/>
      <c r="X11" s="452"/>
      <c r="Y11" s="452"/>
      <c r="Z11" s="452"/>
      <c r="AA11" s="452"/>
      <c r="AB11" s="452"/>
      <c r="AC11" s="452"/>
      <c r="AD11" s="452"/>
      <c r="AE11" s="452"/>
      <c r="AF11" s="452"/>
      <c r="AG11" s="452"/>
      <c r="AH11" s="452"/>
    </row>
    <row r="12" spans="1:34" s="618" customFormat="1" ht="15.95" customHeight="1">
      <c r="A12" s="852"/>
      <c r="B12" s="200" t="s">
        <v>168</v>
      </c>
      <c r="C12" s="883"/>
      <c r="D12" s="883"/>
      <c r="E12" s="883"/>
      <c r="F12" s="234"/>
      <c r="G12" s="233"/>
      <c r="H12" s="883"/>
      <c r="I12" s="883" t="s">
        <v>130</v>
      </c>
      <c r="J12" s="883"/>
      <c r="K12" s="659"/>
      <c r="L12" s="659"/>
      <c r="M12" s="883" t="s">
        <v>169</v>
      </c>
      <c r="N12" s="883"/>
      <c r="O12" s="883"/>
      <c r="P12" s="883"/>
      <c r="Q12" s="883" t="s">
        <v>130</v>
      </c>
      <c r="R12" s="883"/>
      <c r="S12" s="236"/>
      <c r="T12" s="236"/>
      <c r="U12" s="236"/>
      <c r="V12" s="240"/>
      <c r="W12" s="452"/>
      <c r="X12" s="452"/>
      <c r="Y12" s="452"/>
      <c r="Z12" s="452"/>
      <c r="AA12" s="452"/>
      <c r="AB12" s="452"/>
      <c r="AC12" s="452"/>
      <c r="AD12" s="452"/>
      <c r="AE12" s="452"/>
      <c r="AF12" s="452"/>
      <c r="AG12" s="452"/>
      <c r="AH12" s="452"/>
    </row>
    <row r="13" spans="1:34" s="618" customFormat="1" ht="15.95" customHeight="1">
      <c r="A13" s="852"/>
      <c r="B13" s="884"/>
      <c r="C13" s="663" t="s">
        <v>132</v>
      </c>
      <c r="D13" s="202"/>
      <c r="E13" s="233" t="s">
        <v>170</v>
      </c>
      <c r="F13" s="234"/>
      <c r="G13" s="233"/>
      <c r="H13" s="883"/>
      <c r="I13" s="883" t="s">
        <v>130</v>
      </c>
      <c r="J13" s="883"/>
      <c r="K13" s="659"/>
      <c r="L13" s="659"/>
      <c r="M13" s="883" t="s">
        <v>169</v>
      </c>
      <c r="N13" s="883"/>
      <c r="O13" s="883"/>
      <c r="P13" s="883"/>
      <c r="Q13" s="883" t="s">
        <v>130</v>
      </c>
      <c r="R13" s="883"/>
      <c r="S13" s="236"/>
      <c r="T13" s="236"/>
      <c r="U13" s="236"/>
      <c r="V13" s="240"/>
      <c r="W13" s="452"/>
      <c r="X13" s="452"/>
      <c r="Y13" s="452"/>
      <c r="Z13" s="452"/>
      <c r="AA13" s="452"/>
      <c r="AB13" s="452"/>
      <c r="AC13" s="452"/>
      <c r="AD13" s="452"/>
      <c r="AE13" s="452"/>
      <c r="AF13" s="452"/>
      <c r="AG13" s="452"/>
      <c r="AH13" s="452"/>
    </row>
    <row r="14" spans="1:34" s="618" customFormat="1" ht="15.95" customHeight="1">
      <c r="A14" s="852"/>
      <c r="B14" s="885"/>
      <c r="C14" s="631"/>
      <c r="D14" s="182"/>
      <c r="E14" s="233" t="s">
        <v>134</v>
      </c>
      <c r="F14" s="234"/>
      <c r="G14" s="233"/>
      <c r="H14" s="883"/>
      <c r="I14" s="883" t="s">
        <v>130</v>
      </c>
      <c r="J14" s="883"/>
      <c r="K14" s="659"/>
      <c r="L14" s="659"/>
      <c r="M14" s="883" t="s">
        <v>169</v>
      </c>
      <c r="N14" s="883"/>
      <c r="O14" s="883"/>
      <c r="P14" s="883"/>
      <c r="Q14" s="883" t="s">
        <v>130</v>
      </c>
      <c r="R14" s="883"/>
      <c r="S14" s="236"/>
      <c r="T14" s="236"/>
      <c r="U14" s="236"/>
      <c r="V14" s="240"/>
      <c r="W14" s="452"/>
      <c r="X14" s="452"/>
      <c r="Y14" s="452"/>
      <c r="Z14" s="452"/>
      <c r="AA14" s="452"/>
      <c r="AB14" s="452"/>
      <c r="AC14" s="452"/>
      <c r="AD14" s="452"/>
      <c r="AE14" s="452"/>
      <c r="AF14" s="452"/>
      <c r="AG14" s="452"/>
      <c r="AH14" s="452"/>
    </row>
    <row r="15" spans="1:34" s="618" customFormat="1" ht="15.95" customHeight="1">
      <c r="A15" s="852"/>
      <c r="B15" s="886"/>
      <c r="C15" s="646"/>
      <c r="D15" s="195"/>
      <c r="E15" s="233" t="s">
        <v>171</v>
      </c>
      <c r="F15" s="234"/>
      <c r="G15" s="233"/>
      <c r="H15" s="883"/>
      <c r="I15" s="883" t="s">
        <v>130</v>
      </c>
      <c r="J15" s="883"/>
      <c r="K15" s="659"/>
      <c r="L15" s="659"/>
      <c r="M15" s="883" t="s">
        <v>169</v>
      </c>
      <c r="N15" s="883"/>
      <c r="O15" s="883"/>
      <c r="P15" s="883"/>
      <c r="Q15" s="883" t="s">
        <v>130</v>
      </c>
      <c r="R15" s="883"/>
      <c r="S15" s="236"/>
      <c r="T15" s="236"/>
      <c r="U15" s="236"/>
      <c r="V15" s="240"/>
      <c r="W15" s="452"/>
      <c r="X15" s="452"/>
      <c r="Y15" s="452"/>
      <c r="Z15" s="452"/>
      <c r="AA15" s="452"/>
      <c r="AB15" s="452"/>
      <c r="AC15" s="452"/>
      <c r="AD15" s="452"/>
      <c r="AE15" s="452"/>
      <c r="AF15" s="452"/>
      <c r="AG15" s="452"/>
      <c r="AH15" s="452"/>
    </row>
    <row r="16" spans="1:34" s="618" customFormat="1" ht="16.350000000000001" customHeight="1">
      <c r="A16" s="852"/>
      <c r="B16" s="201" t="s">
        <v>136</v>
      </c>
      <c r="C16" s="201"/>
      <c r="D16" s="201"/>
      <c r="E16" s="201"/>
      <c r="F16" s="202"/>
      <c r="G16" s="233"/>
      <c r="H16" s="883"/>
      <c r="I16" s="883" t="s">
        <v>130</v>
      </c>
      <c r="J16" s="883"/>
      <c r="K16" s="659"/>
      <c r="L16" s="659"/>
      <c r="M16" s="883" t="s">
        <v>169</v>
      </c>
      <c r="N16" s="883"/>
      <c r="O16" s="883"/>
      <c r="P16" s="883"/>
      <c r="Q16" s="883" t="s">
        <v>130</v>
      </c>
      <c r="R16" s="883"/>
      <c r="S16" s="236"/>
      <c r="T16" s="236"/>
      <c r="U16" s="236"/>
      <c r="V16" s="240"/>
      <c r="W16" s="452"/>
      <c r="X16" s="452"/>
      <c r="Y16" s="452"/>
      <c r="Z16" s="452"/>
      <c r="AA16" s="452"/>
      <c r="AB16" s="452"/>
      <c r="AC16" s="452"/>
      <c r="AD16" s="452"/>
      <c r="AE16" s="452"/>
      <c r="AF16" s="452"/>
      <c r="AG16" s="452"/>
      <c r="AH16" s="452"/>
    </row>
    <row r="17" spans="1:34" s="618" customFormat="1" ht="16.350000000000001" customHeight="1" thickBot="1">
      <c r="A17" s="852"/>
      <c r="B17" s="887" t="s">
        <v>137</v>
      </c>
      <c r="C17" s="672"/>
      <c r="D17" s="672"/>
      <c r="E17" s="672"/>
      <c r="F17" s="244"/>
      <c r="G17" s="673"/>
      <c r="H17" s="674"/>
      <c r="I17" s="674"/>
      <c r="J17" s="674"/>
      <c r="K17" s="888"/>
      <c r="L17" s="675" t="s">
        <v>172</v>
      </c>
      <c r="M17" s="672"/>
      <c r="N17" s="672"/>
      <c r="O17" s="677"/>
      <c r="P17" s="678"/>
      <c r="Q17" s="678"/>
      <c r="R17" s="889"/>
      <c r="S17" s="889"/>
      <c r="T17" s="890"/>
      <c r="U17" s="889"/>
      <c r="V17" s="679"/>
      <c r="W17" s="452"/>
      <c r="X17" s="452"/>
      <c r="Y17" s="452"/>
      <c r="Z17" s="452"/>
      <c r="AA17" s="452"/>
      <c r="AB17" s="452"/>
      <c r="AC17" s="452"/>
      <c r="AD17" s="452"/>
      <c r="AE17" s="452"/>
      <c r="AF17" s="452"/>
      <c r="AG17" s="452"/>
      <c r="AH17" s="452"/>
    </row>
    <row r="18" spans="1:34" ht="15" customHeight="1">
      <c r="A18" s="849" t="s">
        <v>153</v>
      </c>
      <c r="B18" s="850" t="s">
        <v>32</v>
      </c>
      <c r="C18" s="850"/>
      <c r="D18" s="850"/>
      <c r="E18" s="850"/>
      <c r="F18" s="850"/>
      <c r="G18" s="850"/>
      <c r="H18" s="850"/>
      <c r="I18" s="850"/>
      <c r="J18" s="850"/>
      <c r="K18" s="850"/>
      <c r="L18" s="850"/>
      <c r="M18" s="850"/>
      <c r="N18" s="850"/>
      <c r="O18" s="850"/>
      <c r="P18" s="850"/>
      <c r="Q18" s="850"/>
      <c r="R18" s="850"/>
      <c r="S18" s="850"/>
      <c r="T18" s="850"/>
      <c r="U18" s="850"/>
      <c r="V18" s="851"/>
    </row>
    <row r="19" spans="1:34" ht="15" customHeight="1">
      <c r="A19" s="852"/>
      <c r="B19" s="853" t="s">
        <v>33</v>
      </c>
      <c r="C19" s="854"/>
      <c r="D19" s="854"/>
      <c r="E19" s="854"/>
      <c r="F19" s="855"/>
      <c r="G19" s="856" t="s">
        <v>163</v>
      </c>
      <c r="H19" s="857"/>
      <c r="I19" s="857"/>
      <c r="J19" s="858"/>
      <c r="K19" s="859" t="s">
        <v>164</v>
      </c>
      <c r="L19" s="860"/>
      <c r="M19" s="860"/>
      <c r="N19" s="861"/>
      <c r="O19" s="859" t="s">
        <v>115</v>
      </c>
      <c r="P19" s="860"/>
      <c r="Q19" s="860"/>
      <c r="R19" s="861"/>
      <c r="S19" s="859" t="s">
        <v>165</v>
      </c>
      <c r="T19" s="860"/>
      <c r="U19" s="860"/>
      <c r="V19" s="862"/>
    </row>
    <row r="20" spans="1:34" ht="15" customHeight="1">
      <c r="A20" s="852"/>
      <c r="B20" s="863"/>
      <c r="C20" s="864"/>
      <c r="D20" s="864"/>
      <c r="E20" s="864"/>
      <c r="F20" s="865"/>
      <c r="G20" s="859" t="s">
        <v>41</v>
      </c>
      <c r="H20" s="861"/>
      <c r="I20" s="859" t="s">
        <v>42</v>
      </c>
      <c r="J20" s="861"/>
      <c r="K20" s="859" t="s">
        <v>41</v>
      </c>
      <c r="L20" s="861"/>
      <c r="M20" s="859" t="s">
        <v>42</v>
      </c>
      <c r="N20" s="861"/>
      <c r="O20" s="859" t="s">
        <v>41</v>
      </c>
      <c r="P20" s="861"/>
      <c r="Q20" s="859" t="s">
        <v>42</v>
      </c>
      <c r="R20" s="861"/>
      <c r="S20" s="859" t="s">
        <v>41</v>
      </c>
      <c r="T20" s="861"/>
      <c r="U20" s="859" t="s">
        <v>42</v>
      </c>
      <c r="V20" s="862"/>
    </row>
    <row r="21" spans="1:34" ht="15" customHeight="1">
      <c r="A21" s="852"/>
      <c r="B21" s="866"/>
      <c r="C21" s="859" t="s">
        <v>86</v>
      </c>
      <c r="D21" s="860"/>
      <c r="E21" s="860"/>
      <c r="F21" s="861"/>
      <c r="G21" s="859"/>
      <c r="H21" s="861"/>
      <c r="I21" s="859"/>
      <c r="J21" s="861"/>
      <c r="K21" s="859"/>
      <c r="L21" s="861"/>
      <c r="M21" s="859"/>
      <c r="N21" s="861"/>
      <c r="O21" s="859"/>
      <c r="P21" s="861"/>
      <c r="Q21" s="859"/>
      <c r="R21" s="861"/>
      <c r="S21" s="859"/>
      <c r="T21" s="861"/>
      <c r="U21" s="859"/>
      <c r="V21" s="862"/>
    </row>
    <row r="22" spans="1:34" ht="15" customHeight="1">
      <c r="A22" s="852"/>
      <c r="B22" s="867"/>
      <c r="C22" s="868" t="s">
        <v>46</v>
      </c>
      <c r="D22" s="860"/>
      <c r="E22" s="860"/>
      <c r="F22" s="861"/>
      <c r="G22" s="859"/>
      <c r="H22" s="861"/>
      <c r="I22" s="859"/>
      <c r="J22" s="861"/>
      <c r="K22" s="859"/>
      <c r="L22" s="861"/>
      <c r="M22" s="859"/>
      <c r="N22" s="861"/>
      <c r="O22" s="859"/>
      <c r="P22" s="861"/>
      <c r="Q22" s="859"/>
      <c r="R22" s="861"/>
      <c r="S22" s="859"/>
      <c r="T22" s="861"/>
      <c r="U22" s="859"/>
      <c r="V22" s="862"/>
    </row>
    <row r="23" spans="1:34" s="618" customFormat="1" ht="15" customHeight="1">
      <c r="A23" s="852"/>
      <c r="B23" s="869" t="s">
        <v>166</v>
      </c>
      <c r="C23" s="869"/>
      <c r="D23" s="869"/>
      <c r="E23" s="869"/>
      <c r="F23" s="869"/>
      <c r="G23" s="869"/>
      <c r="H23" s="869"/>
      <c r="I23" s="869"/>
      <c r="J23" s="869"/>
      <c r="K23" s="869"/>
      <c r="L23" s="869"/>
      <c r="M23" s="869"/>
      <c r="N23" s="869"/>
      <c r="O23" s="869"/>
      <c r="P23" s="869"/>
      <c r="Q23" s="869"/>
      <c r="R23" s="869"/>
      <c r="S23" s="869"/>
      <c r="T23" s="869"/>
      <c r="U23" s="869"/>
      <c r="V23" s="870"/>
      <c r="W23" s="452"/>
      <c r="X23" s="452"/>
      <c r="Y23" s="452"/>
      <c r="Z23" s="452"/>
      <c r="AA23" s="452"/>
      <c r="AB23" s="452"/>
      <c r="AC23" s="452"/>
      <c r="AD23" s="452"/>
      <c r="AE23" s="452"/>
      <c r="AF23" s="452"/>
      <c r="AG23" s="452"/>
      <c r="AH23" s="452"/>
    </row>
    <row r="24" spans="1:34" s="618" customFormat="1" ht="16.350000000000001" customHeight="1">
      <c r="A24" s="852"/>
      <c r="B24" s="871" t="s">
        <v>167</v>
      </c>
      <c r="C24" s="871"/>
      <c r="D24" s="871"/>
      <c r="E24" s="871"/>
      <c r="F24" s="872"/>
      <c r="G24" s="649" t="s">
        <v>120</v>
      </c>
      <c r="H24" s="873"/>
      <c r="I24" s="874" t="s">
        <v>121</v>
      </c>
      <c r="J24" s="873"/>
      <c r="K24" s="874" t="s">
        <v>122</v>
      </c>
      <c r="L24" s="873"/>
      <c r="M24" s="874" t="s">
        <v>123</v>
      </c>
      <c r="N24" s="873"/>
      <c r="O24" s="874" t="s">
        <v>124</v>
      </c>
      <c r="P24" s="873"/>
      <c r="Q24" s="874" t="s">
        <v>125</v>
      </c>
      <c r="R24" s="873"/>
      <c r="S24" s="874" t="s">
        <v>126</v>
      </c>
      <c r="T24" s="873"/>
      <c r="U24" s="874" t="s">
        <v>127</v>
      </c>
      <c r="V24" s="875"/>
      <c r="W24" s="452"/>
      <c r="X24" s="452"/>
      <c r="Y24" s="452"/>
      <c r="Z24" s="452"/>
      <c r="AA24" s="452"/>
      <c r="AB24" s="452"/>
      <c r="AC24" s="452"/>
      <c r="AD24" s="452"/>
      <c r="AE24" s="452"/>
      <c r="AF24" s="452"/>
      <c r="AG24" s="452"/>
      <c r="AH24" s="452"/>
    </row>
    <row r="25" spans="1:34" s="618" customFormat="1" ht="15.6" customHeight="1">
      <c r="A25" s="852"/>
      <c r="B25" s="876"/>
      <c r="C25" s="876"/>
      <c r="D25" s="876"/>
      <c r="E25" s="876"/>
      <c r="F25" s="877"/>
      <c r="G25" s="874"/>
      <c r="H25" s="873"/>
      <c r="I25" s="874"/>
      <c r="J25" s="873"/>
      <c r="K25" s="874"/>
      <c r="L25" s="873"/>
      <c r="M25" s="874"/>
      <c r="N25" s="873"/>
      <c r="O25" s="874"/>
      <c r="P25" s="873"/>
      <c r="Q25" s="874"/>
      <c r="R25" s="873"/>
      <c r="S25" s="874"/>
      <c r="T25" s="873"/>
      <c r="U25" s="874"/>
      <c r="V25" s="875"/>
      <c r="W25" s="452"/>
      <c r="X25" s="452"/>
      <c r="Y25" s="452"/>
      <c r="Z25" s="452"/>
      <c r="AA25" s="452"/>
      <c r="AB25" s="452"/>
      <c r="AC25" s="452"/>
      <c r="AD25" s="452"/>
      <c r="AE25" s="452"/>
      <c r="AF25" s="452"/>
      <c r="AG25" s="452"/>
      <c r="AH25" s="452"/>
    </row>
    <row r="26" spans="1:34" s="618" customFormat="1" ht="15.6" customHeight="1">
      <c r="A26" s="852"/>
      <c r="B26" s="878"/>
      <c r="C26" s="878"/>
      <c r="D26" s="878"/>
      <c r="E26" s="878"/>
      <c r="F26" s="879"/>
      <c r="G26" s="874" t="s">
        <v>128</v>
      </c>
      <c r="H26" s="649"/>
      <c r="I26" s="649"/>
      <c r="J26" s="649"/>
      <c r="K26" s="649"/>
      <c r="L26" s="873"/>
      <c r="M26" s="880"/>
      <c r="N26" s="881"/>
      <c r="O26" s="881"/>
      <c r="P26" s="881"/>
      <c r="Q26" s="881"/>
      <c r="R26" s="881"/>
      <c r="S26" s="881"/>
      <c r="T26" s="881"/>
      <c r="U26" s="881"/>
      <c r="V26" s="882"/>
      <c r="W26" s="452"/>
      <c r="X26" s="452"/>
      <c r="Y26" s="452"/>
      <c r="Z26" s="452"/>
      <c r="AA26" s="452"/>
      <c r="AB26" s="452"/>
      <c r="AC26" s="452"/>
      <c r="AD26" s="452"/>
      <c r="AE26" s="452"/>
      <c r="AF26" s="452"/>
      <c r="AG26" s="452"/>
      <c r="AH26" s="452"/>
    </row>
    <row r="27" spans="1:34" s="618" customFormat="1" ht="15.95" customHeight="1">
      <c r="A27" s="852"/>
      <c r="B27" s="200" t="s">
        <v>168</v>
      </c>
      <c r="C27" s="883"/>
      <c r="D27" s="883"/>
      <c r="E27" s="883"/>
      <c r="F27" s="234"/>
      <c r="G27" s="233"/>
      <c r="H27" s="883"/>
      <c r="I27" s="883" t="s">
        <v>130</v>
      </c>
      <c r="J27" s="883"/>
      <c r="K27" s="659"/>
      <c r="L27" s="659"/>
      <c r="M27" s="883" t="s">
        <v>169</v>
      </c>
      <c r="N27" s="883"/>
      <c r="O27" s="883"/>
      <c r="P27" s="883"/>
      <c r="Q27" s="883" t="s">
        <v>130</v>
      </c>
      <c r="R27" s="883"/>
      <c r="S27" s="236"/>
      <c r="T27" s="236"/>
      <c r="U27" s="236"/>
      <c r="V27" s="240"/>
      <c r="W27" s="452"/>
      <c r="X27" s="452"/>
      <c r="Y27" s="452"/>
      <c r="Z27" s="452"/>
      <c r="AA27" s="452"/>
      <c r="AB27" s="452"/>
      <c r="AC27" s="452"/>
      <c r="AD27" s="452"/>
      <c r="AE27" s="452"/>
      <c r="AF27" s="452"/>
      <c r="AG27" s="452"/>
      <c r="AH27" s="452"/>
    </row>
    <row r="28" spans="1:34" s="618" customFormat="1" ht="15.95" customHeight="1">
      <c r="A28" s="852"/>
      <c r="B28" s="884"/>
      <c r="C28" s="663" t="s">
        <v>132</v>
      </c>
      <c r="D28" s="202"/>
      <c r="E28" s="233" t="s">
        <v>170</v>
      </c>
      <c r="F28" s="234"/>
      <c r="G28" s="233"/>
      <c r="H28" s="883"/>
      <c r="I28" s="883" t="s">
        <v>130</v>
      </c>
      <c r="J28" s="883"/>
      <c r="K28" s="659"/>
      <c r="L28" s="659"/>
      <c r="M28" s="883" t="s">
        <v>169</v>
      </c>
      <c r="N28" s="883"/>
      <c r="O28" s="883"/>
      <c r="P28" s="883"/>
      <c r="Q28" s="883" t="s">
        <v>130</v>
      </c>
      <c r="R28" s="883"/>
      <c r="S28" s="236"/>
      <c r="T28" s="236"/>
      <c r="U28" s="236"/>
      <c r="V28" s="240"/>
      <c r="W28" s="452"/>
      <c r="X28" s="452"/>
      <c r="Y28" s="452"/>
      <c r="Z28" s="452"/>
      <c r="AA28" s="452"/>
      <c r="AB28" s="452"/>
      <c r="AC28" s="452"/>
      <c r="AD28" s="452"/>
      <c r="AE28" s="452"/>
      <c r="AF28" s="452"/>
      <c r="AG28" s="452"/>
      <c r="AH28" s="452"/>
    </row>
    <row r="29" spans="1:34" s="618" customFormat="1" ht="15.95" customHeight="1">
      <c r="A29" s="852"/>
      <c r="B29" s="885"/>
      <c r="C29" s="631"/>
      <c r="D29" s="182"/>
      <c r="E29" s="233" t="s">
        <v>134</v>
      </c>
      <c r="F29" s="234"/>
      <c r="G29" s="233"/>
      <c r="H29" s="883"/>
      <c r="I29" s="883" t="s">
        <v>130</v>
      </c>
      <c r="J29" s="883"/>
      <c r="K29" s="659"/>
      <c r="L29" s="659"/>
      <c r="M29" s="883" t="s">
        <v>169</v>
      </c>
      <c r="N29" s="883"/>
      <c r="O29" s="883"/>
      <c r="P29" s="883"/>
      <c r="Q29" s="883" t="s">
        <v>130</v>
      </c>
      <c r="R29" s="883"/>
      <c r="S29" s="236"/>
      <c r="T29" s="236"/>
      <c r="U29" s="236"/>
      <c r="V29" s="240"/>
      <c r="W29" s="452"/>
      <c r="X29" s="452"/>
      <c r="Y29" s="452"/>
      <c r="Z29" s="452"/>
      <c r="AA29" s="452"/>
      <c r="AB29" s="452"/>
      <c r="AC29" s="452"/>
      <c r="AD29" s="452"/>
      <c r="AE29" s="452"/>
      <c r="AF29" s="452"/>
      <c r="AG29" s="452"/>
      <c r="AH29" s="452"/>
    </row>
    <row r="30" spans="1:34" s="618" customFormat="1" ht="15.95" customHeight="1">
      <c r="A30" s="852"/>
      <c r="B30" s="886"/>
      <c r="C30" s="646"/>
      <c r="D30" s="195"/>
      <c r="E30" s="233" t="s">
        <v>171</v>
      </c>
      <c r="F30" s="234"/>
      <c r="G30" s="233"/>
      <c r="H30" s="883"/>
      <c r="I30" s="883" t="s">
        <v>130</v>
      </c>
      <c r="J30" s="883"/>
      <c r="K30" s="659"/>
      <c r="L30" s="659"/>
      <c r="M30" s="883" t="s">
        <v>169</v>
      </c>
      <c r="N30" s="883"/>
      <c r="O30" s="883"/>
      <c r="P30" s="883"/>
      <c r="Q30" s="883" t="s">
        <v>130</v>
      </c>
      <c r="R30" s="883"/>
      <c r="S30" s="236"/>
      <c r="T30" s="236"/>
      <c r="U30" s="236"/>
      <c r="V30" s="240"/>
      <c r="W30" s="452"/>
      <c r="X30" s="452"/>
      <c r="Y30" s="452"/>
      <c r="Z30" s="452"/>
      <c r="AA30" s="452"/>
      <c r="AB30" s="452"/>
      <c r="AC30" s="452"/>
      <c r="AD30" s="452"/>
      <c r="AE30" s="452"/>
      <c r="AF30" s="452"/>
      <c r="AG30" s="452"/>
      <c r="AH30" s="452"/>
    </row>
    <row r="31" spans="1:34" s="618" customFormat="1" ht="16.350000000000001" customHeight="1">
      <c r="A31" s="852"/>
      <c r="B31" s="201" t="s">
        <v>136</v>
      </c>
      <c r="C31" s="201"/>
      <c r="D31" s="201"/>
      <c r="E31" s="201"/>
      <c r="F31" s="202"/>
      <c r="G31" s="233"/>
      <c r="H31" s="883"/>
      <c r="I31" s="883" t="s">
        <v>130</v>
      </c>
      <c r="J31" s="883"/>
      <c r="K31" s="659"/>
      <c r="L31" s="659"/>
      <c r="M31" s="883" t="s">
        <v>169</v>
      </c>
      <c r="N31" s="883"/>
      <c r="O31" s="883"/>
      <c r="P31" s="883"/>
      <c r="Q31" s="883" t="s">
        <v>130</v>
      </c>
      <c r="R31" s="883"/>
      <c r="S31" s="236"/>
      <c r="T31" s="236"/>
      <c r="U31" s="236"/>
      <c r="V31" s="240"/>
      <c r="W31" s="452"/>
      <c r="X31" s="452"/>
      <c r="Y31" s="452"/>
      <c r="Z31" s="452"/>
      <c r="AA31" s="452"/>
      <c r="AB31" s="452"/>
      <c r="AC31" s="452"/>
      <c r="AD31" s="452"/>
      <c r="AE31" s="452"/>
      <c r="AF31" s="452"/>
      <c r="AG31" s="452"/>
      <c r="AH31" s="452"/>
    </row>
    <row r="32" spans="1:34" s="618" customFormat="1" ht="16.350000000000001" customHeight="1" thickBot="1">
      <c r="A32" s="891"/>
      <c r="B32" s="887" t="s">
        <v>137</v>
      </c>
      <c r="C32" s="672"/>
      <c r="D32" s="672"/>
      <c r="E32" s="672"/>
      <c r="F32" s="244"/>
      <c r="G32" s="673"/>
      <c r="H32" s="674"/>
      <c r="I32" s="674"/>
      <c r="J32" s="674"/>
      <c r="K32" s="888"/>
      <c r="L32" s="675" t="s">
        <v>172</v>
      </c>
      <c r="M32" s="672"/>
      <c r="N32" s="672"/>
      <c r="O32" s="677"/>
      <c r="P32" s="678"/>
      <c r="Q32" s="678"/>
      <c r="R32" s="889"/>
      <c r="S32" s="889"/>
      <c r="T32" s="890"/>
      <c r="U32" s="889"/>
      <c r="V32" s="679"/>
      <c r="W32" s="452"/>
      <c r="X32" s="452"/>
      <c r="Y32" s="452"/>
      <c r="Z32" s="452"/>
      <c r="AA32" s="452"/>
      <c r="AB32" s="452"/>
      <c r="AC32" s="452"/>
      <c r="AD32" s="452"/>
      <c r="AE32" s="452"/>
      <c r="AF32" s="452"/>
      <c r="AG32" s="452"/>
      <c r="AH32" s="452"/>
    </row>
    <row r="33" spans="1:34" ht="16.5" customHeight="1">
      <c r="A33" s="892"/>
      <c r="B33" s="892"/>
      <c r="C33" s="892"/>
      <c r="D33" s="892"/>
      <c r="E33" s="892"/>
      <c r="F33" s="892"/>
      <c r="G33" s="893"/>
      <c r="H33" s="893"/>
      <c r="I33" s="893"/>
      <c r="J33" s="893"/>
      <c r="K33" s="893"/>
      <c r="L33" s="893"/>
      <c r="M33" s="893"/>
      <c r="N33" s="893"/>
      <c r="O33" s="893"/>
      <c r="P33" s="893"/>
      <c r="Q33" s="893"/>
      <c r="R33" s="893"/>
      <c r="S33" s="893"/>
      <c r="T33" s="893"/>
      <c r="U33" s="893"/>
      <c r="V33" s="893"/>
    </row>
    <row r="34" spans="1:34" ht="16.5" customHeight="1">
      <c r="A34" s="892"/>
      <c r="B34" s="892"/>
      <c r="C34" s="892"/>
      <c r="D34" s="892"/>
      <c r="E34" s="892"/>
      <c r="F34" s="892"/>
      <c r="G34" s="893"/>
      <c r="H34" s="893"/>
      <c r="I34" s="893"/>
      <c r="J34" s="893"/>
      <c r="K34" s="893"/>
      <c r="L34" s="893"/>
      <c r="M34" s="893"/>
      <c r="N34" s="893"/>
      <c r="O34" s="893"/>
      <c r="P34" s="893"/>
      <c r="Q34" s="893"/>
      <c r="R34" s="893"/>
      <c r="S34" s="893"/>
      <c r="T34" s="893"/>
      <c r="U34" s="893"/>
      <c r="V34" s="893"/>
    </row>
    <row r="35" spans="1:34" s="895" customFormat="1" ht="29.45" customHeight="1">
      <c r="A35" s="894" t="s">
        <v>173</v>
      </c>
      <c r="B35" s="894"/>
      <c r="C35" s="894"/>
      <c r="D35" s="894"/>
      <c r="E35" s="894"/>
      <c r="F35" s="894"/>
      <c r="G35" s="894"/>
      <c r="H35" s="894"/>
      <c r="I35" s="894"/>
      <c r="J35" s="894"/>
      <c r="K35" s="894"/>
      <c r="L35" s="894"/>
      <c r="M35" s="894"/>
      <c r="N35" s="894"/>
      <c r="O35" s="894"/>
      <c r="P35" s="894"/>
      <c r="Q35" s="894"/>
      <c r="R35" s="894"/>
      <c r="S35" s="894"/>
      <c r="T35" s="894"/>
      <c r="U35" s="894"/>
      <c r="V35" s="894"/>
    </row>
    <row r="36" spans="1:34" s="895" customFormat="1" ht="19.7" customHeight="1" thickBot="1">
      <c r="A36" s="848" t="s">
        <v>182</v>
      </c>
      <c r="B36" s="848"/>
      <c r="C36" s="848"/>
      <c r="D36" s="848"/>
      <c r="E36" s="848"/>
      <c r="F36" s="848"/>
      <c r="G36" s="848"/>
      <c r="H36" s="848"/>
      <c r="I36" s="848"/>
      <c r="J36" s="848"/>
      <c r="K36" s="848"/>
      <c r="L36" s="848"/>
      <c r="M36" s="848"/>
      <c r="N36" s="848"/>
      <c r="O36" s="848"/>
      <c r="P36" s="848"/>
      <c r="Q36" s="848"/>
      <c r="R36" s="848"/>
      <c r="S36" s="848"/>
      <c r="T36" s="848"/>
      <c r="U36" s="848"/>
      <c r="V36" s="848"/>
    </row>
    <row r="37" spans="1:34" s="895" customFormat="1" ht="15" customHeight="1">
      <c r="A37" s="396" t="s">
        <v>1</v>
      </c>
      <c r="B37" s="896" t="s">
        <v>3</v>
      </c>
      <c r="C37" s="896"/>
      <c r="D37" s="897"/>
      <c r="E37" s="399"/>
      <c r="F37" s="400"/>
      <c r="G37" s="400"/>
      <c r="H37" s="400"/>
      <c r="I37" s="400"/>
      <c r="J37" s="400"/>
      <c r="K37" s="400"/>
      <c r="L37" s="400"/>
      <c r="M37" s="400"/>
      <c r="N37" s="400"/>
      <c r="O37" s="400"/>
      <c r="P37" s="400"/>
      <c r="Q37" s="400"/>
      <c r="R37" s="400"/>
      <c r="S37" s="400"/>
      <c r="T37" s="400"/>
      <c r="U37" s="400"/>
      <c r="V37" s="401"/>
    </row>
    <row r="38" spans="1:34" s="895" customFormat="1" ht="25.7" customHeight="1">
      <c r="A38" s="402"/>
      <c r="B38" s="403" t="s">
        <v>59</v>
      </c>
      <c r="C38" s="403"/>
      <c r="D38" s="404"/>
      <c r="E38" s="405"/>
      <c r="F38" s="406"/>
      <c r="G38" s="406"/>
      <c r="H38" s="406"/>
      <c r="I38" s="406"/>
      <c r="J38" s="406"/>
      <c r="K38" s="406"/>
      <c r="L38" s="406"/>
      <c r="M38" s="406"/>
      <c r="N38" s="406"/>
      <c r="O38" s="406"/>
      <c r="P38" s="406"/>
      <c r="Q38" s="406"/>
      <c r="R38" s="406"/>
      <c r="S38" s="406"/>
      <c r="T38" s="406"/>
      <c r="U38" s="406"/>
      <c r="V38" s="407"/>
    </row>
    <row r="39" spans="1:34" s="895" customFormat="1" ht="15" customHeight="1">
      <c r="A39" s="402"/>
      <c r="B39" s="408" t="s">
        <v>174</v>
      </c>
      <c r="C39" s="409"/>
      <c r="D39" s="410"/>
      <c r="E39" s="411" t="s">
        <v>175</v>
      </c>
      <c r="F39" s="409"/>
      <c r="G39" s="409"/>
      <c r="H39" s="898"/>
      <c r="I39" s="898"/>
      <c r="J39" s="899" t="s">
        <v>62</v>
      </c>
      <c r="K39" s="898"/>
      <c r="L39" s="898"/>
      <c r="M39" s="899" t="s">
        <v>176</v>
      </c>
      <c r="N39" s="409"/>
      <c r="O39" s="409"/>
      <c r="P39" s="409"/>
      <c r="Q39" s="409"/>
      <c r="R39" s="409"/>
      <c r="S39" s="409"/>
      <c r="T39" s="409"/>
      <c r="U39" s="409"/>
      <c r="V39" s="414"/>
    </row>
    <row r="40" spans="1:34" s="895" customFormat="1" ht="15" customHeight="1">
      <c r="A40" s="402"/>
      <c r="B40" s="415"/>
      <c r="C40" s="416"/>
      <c r="D40" s="417"/>
      <c r="E40" s="418"/>
      <c r="F40" s="419"/>
      <c r="G40" s="419"/>
      <c r="H40" s="420" t="s">
        <v>64</v>
      </c>
      <c r="I40" s="421" t="s">
        <v>65</v>
      </c>
      <c r="J40" s="419"/>
      <c r="K40" s="419"/>
      <c r="L40" s="419"/>
      <c r="M40" s="419"/>
      <c r="N40" s="419"/>
      <c r="O40" s="420" t="s">
        <v>66</v>
      </c>
      <c r="P40" s="421" t="s">
        <v>67</v>
      </c>
      <c r="Q40" s="419"/>
      <c r="R40" s="419"/>
      <c r="S40" s="419"/>
      <c r="T40" s="419"/>
      <c r="U40" s="419"/>
      <c r="V40" s="422"/>
    </row>
    <row r="41" spans="1:34" s="895" customFormat="1" ht="15" customHeight="1">
      <c r="A41" s="402"/>
      <c r="B41" s="415"/>
      <c r="C41" s="416"/>
      <c r="D41" s="417"/>
      <c r="E41" s="418"/>
      <c r="F41" s="419"/>
      <c r="G41" s="419"/>
      <c r="H41" s="420" t="s">
        <v>68</v>
      </c>
      <c r="I41" s="421" t="s">
        <v>69</v>
      </c>
      <c r="J41" s="419"/>
      <c r="K41" s="419"/>
      <c r="L41" s="419"/>
      <c r="M41" s="419"/>
      <c r="N41" s="419"/>
      <c r="O41" s="420" t="s">
        <v>70</v>
      </c>
      <c r="P41" s="421" t="s">
        <v>71</v>
      </c>
      <c r="Q41" s="419"/>
      <c r="R41" s="419"/>
      <c r="S41" s="419"/>
      <c r="T41" s="419"/>
      <c r="U41" s="419"/>
      <c r="V41" s="422"/>
    </row>
    <row r="42" spans="1:34" s="895" customFormat="1" ht="18.95" customHeight="1">
      <c r="A42" s="402"/>
      <c r="B42" s="423"/>
      <c r="C42" s="424"/>
      <c r="D42" s="425"/>
      <c r="E42" s="426"/>
      <c r="F42" s="427"/>
      <c r="G42" s="427"/>
      <c r="H42" s="427"/>
      <c r="I42" s="427"/>
      <c r="J42" s="427"/>
      <c r="K42" s="427"/>
      <c r="L42" s="427"/>
      <c r="M42" s="427"/>
      <c r="N42" s="427"/>
      <c r="O42" s="427"/>
      <c r="P42" s="427"/>
      <c r="Q42" s="427"/>
      <c r="R42" s="427"/>
      <c r="S42" s="427"/>
      <c r="T42" s="427"/>
      <c r="U42" s="427"/>
      <c r="V42" s="428"/>
    </row>
    <row r="43" spans="1:34" s="895" customFormat="1" ht="15" customHeight="1">
      <c r="A43" s="402"/>
      <c r="B43" s="409" t="s">
        <v>13</v>
      </c>
      <c r="C43" s="409"/>
      <c r="D43" s="409"/>
      <c r="E43" s="429" t="s">
        <v>72</v>
      </c>
      <c r="F43" s="430"/>
      <c r="G43" s="431"/>
      <c r="H43" s="432"/>
      <c r="I43" s="432"/>
      <c r="J43" s="432"/>
      <c r="K43" s="433" t="s">
        <v>15</v>
      </c>
      <c r="L43" s="433"/>
      <c r="M43" s="434"/>
      <c r="N43" s="435"/>
      <c r="O43" s="436" t="s">
        <v>73</v>
      </c>
      <c r="P43" s="403"/>
      <c r="Q43" s="431"/>
      <c r="R43" s="432"/>
      <c r="S43" s="432"/>
      <c r="T43" s="432"/>
      <c r="U43" s="432"/>
      <c r="V43" s="437"/>
    </row>
    <row r="44" spans="1:34" s="895" customFormat="1" ht="15" customHeight="1">
      <c r="A44" s="900"/>
      <c r="B44" s="901"/>
      <c r="C44" s="901"/>
      <c r="D44" s="901"/>
      <c r="E44" s="902" t="s">
        <v>17</v>
      </c>
      <c r="F44" s="903"/>
      <c r="G44" s="431"/>
      <c r="H44" s="432"/>
      <c r="I44" s="432"/>
      <c r="J44" s="432"/>
      <c r="K44" s="432"/>
      <c r="L44" s="432"/>
      <c r="M44" s="432"/>
      <c r="N44" s="432"/>
      <c r="O44" s="432"/>
      <c r="P44" s="432"/>
      <c r="Q44" s="432"/>
      <c r="R44" s="432"/>
      <c r="S44" s="432"/>
      <c r="T44" s="432"/>
      <c r="U44" s="432"/>
      <c r="V44" s="437"/>
    </row>
    <row r="45" spans="1:34" s="895" customFormat="1" ht="15" customHeight="1">
      <c r="A45" s="904" t="s">
        <v>106</v>
      </c>
      <c r="B45" s="905"/>
      <c r="C45" s="905"/>
      <c r="D45" s="905"/>
      <c r="E45" s="905"/>
      <c r="F45" s="905"/>
      <c r="G45" s="905"/>
      <c r="H45" s="905"/>
      <c r="I45" s="905"/>
      <c r="J45" s="905"/>
      <c r="K45" s="905"/>
      <c r="L45" s="905"/>
      <c r="M45" s="905"/>
      <c r="N45" s="905"/>
      <c r="O45" s="905"/>
      <c r="P45" s="905"/>
      <c r="Q45" s="905"/>
      <c r="R45" s="905"/>
      <c r="S45" s="905"/>
      <c r="T45" s="905"/>
      <c r="U45" s="905"/>
      <c r="V45" s="906"/>
    </row>
    <row r="46" spans="1:34" ht="15" customHeight="1" thickBot="1">
      <c r="A46" s="715" t="s">
        <v>107</v>
      </c>
      <c r="B46" s="716"/>
      <c r="C46" s="716"/>
      <c r="D46" s="716"/>
      <c r="E46" s="716"/>
      <c r="F46" s="716"/>
      <c r="G46" s="716"/>
      <c r="H46" s="716"/>
      <c r="I46" s="907"/>
      <c r="J46" s="908"/>
      <c r="K46" s="909"/>
      <c r="L46" s="910" t="s">
        <v>177</v>
      </c>
      <c r="M46" s="672" t="s">
        <v>162</v>
      </c>
      <c r="N46" s="672"/>
      <c r="O46" s="672"/>
      <c r="P46" s="672"/>
      <c r="Q46" s="672"/>
      <c r="R46" s="672"/>
      <c r="S46" s="244"/>
      <c r="T46" s="907"/>
      <c r="U46" s="908"/>
      <c r="V46" s="720" t="s">
        <v>110</v>
      </c>
      <c r="W46" s="895"/>
    </row>
    <row r="47" spans="1:34" s="618" customFormat="1" ht="15" customHeight="1">
      <c r="A47" s="849" t="s">
        <v>156</v>
      </c>
      <c r="B47" s="869" t="s">
        <v>166</v>
      </c>
      <c r="C47" s="869"/>
      <c r="D47" s="869"/>
      <c r="E47" s="869"/>
      <c r="F47" s="869"/>
      <c r="G47" s="869"/>
      <c r="H47" s="869"/>
      <c r="I47" s="869"/>
      <c r="J47" s="869"/>
      <c r="K47" s="869"/>
      <c r="L47" s="869"/>
      <c r="M47" s="869"/>
      <c r="N47" s="869"/>
      <c r="O47" s="869"/>
      <c r="P47" s="869"/>
      <c r="Q47" s="869"/>
      <c r="R47" s="869"/>
      <c r="S47" s="869"/>
      <c r="T47" s="869"/>
      <c r="U47" s="869"/>
      <c r="V47" s="870"/>
      <c r="W47" s="452"/>
      <c r="X47" s="452"/>
      <c r="Y47" s="452"/>
      <c r="Z47" s="452"/>
      <c r="AA47" s="452"/>
      <c r="AB47" s="452"/>
      <c r="AC47" s="452"/>
      <c r="AD47" s="452"/>
      <c r="AE47" s="452"/>
      <c r="AF47" s="452"/>
      <c r="AG47" s="452"/>
      <c r="AH47" s="452"/>
    </row>
    <row r="48" spans="1:34" s="618" customFormat="1" ht="16.350000000000001" customHeight="1">
      <c r="A48" s="852"/>
      <c r="B48" s="871" t="s">
        <v>167</v>
      </c>
      <c r="C48" s="871"/>
      <c r="D48" s="871"/>
      <c r="E48" s="871"/>
      <c r="F48" s="872"/>
      <c r="G48" s="649" t="s">
        <v>120</v>
      </c>
      <c r="H48" s="873"/>
      <c r="I48" s="874" t="s">
        <v>121</v>
      </c>
      <c r="J48" s="873"/>
      <c r="K48" s="874" t="s">
        <v>122</v>
      </c>
      <c r="L48" s="873"/>
      <c r="M48" s="874" t="s">
        <v>123</v>
      </c>
      <c r="N48" s="873"/>
      <c r="O48" s="874" t="s">
        <v>124</v>
      </c>
      <c r="P48" s="873"/>
      <c r="Q48" s="874" t="s">
        <v>125</v>
      </c>
      <c r="R48" s="873"/>
      <c r="S48" s="874" t="s">
        <v>126</v>
      </c>
      <c r="T48" s="873"/>
      <c r="U48" s="874" t="s">
        <v>127</v>
      </c>
      <c r="V48" s="875"/>
      <c r="W48" s="452"/>
      <c r="X48" s="452"/>
      <c r="Y48" s="452"/>
      <c r="Z48" s="452"/>
      <c r="AA48" s="452"/>
      <c r="AB48" s="452"/>
      <c r="AC48" s="452"/>
      <c r="AD48" s="452"/>
      <c r="AE48" s="452"/>
      <c r="AF48" s="452"/>
      <c r="AG48" s="452"/>
      <c r="AH48" s="452"/>
    </row>
    <row r="49" spans="1:34" s="618" customFormat="1" ht="15.6" customHeight="1">
      <c r="A49" s="852"/>
      <c r="B49" s="876"/>
      <c r="C49" s="876"/>
      <c r="D49" s="876"/>
      <c r="E49" s="876"/>
      <c r="F49" s="877"/>
      <c r="G49" s="874"/>
      <c r="H49" s="873"/>
      <c r="I49" s="874"/>
      <c r="J49" s="873"/>
      <c r="K49" s="874"/>
      <c r="L49" s="873"/>
      <c r="M49" s="874"/>
      <c r="N49" s="873"/>
      <c r="O49" s="874"/>
      <c r="P49" s="873"/>
      <c r="Q49" s="874"/>
      <c r="R49" s="873"/>
      <c r="S49" s="874"/>
      <c r="T49" s="873"/>
      <c r="U49" s="874"/>
      <c r="V49" s="875"/>
      <c r="W49" s="452"/>
      <c r="X49" s="452"/>
      <c r="Y49" s="452"/>
      <c r="Z49" s="452"/>
      <c r="AA49" s="452"/>
      <c r="AB49" s="452"/>
      <c r="AC49" s="452"/>
      <c r="AD49" s="452"/>
      <c r="AE49" s="452"/>
      <c r="AF49" s="452"/>
      <c r="AG49" s="452"/>
      <c r="AH49" s="452"/>
    </row>
    <row r="50" spans="1:34" s="618" customFormat="1" ht="15.6" customHeight="1">
      <c r="A50" s="852"/>
      <c r="B50" s="878"/>
      <c r="C50" s="878"/>
      <c r="D50" s="878"/>
      <c r="E50" s="878"/>
      <c r="F50" s="879"/>
      <c r="G50" s="874" t="s">
        <v>128</v>
      </c>
      <c r="H50" s="649"/>
      <c r="I50" s="649"/>
      <c r="J50" s="649"/>
      <c r="K50" s="649"/>
      <c r="L50" s="873"/>
      <c r="M50" s="880"/>
      <c r="N50" s="881"/>
      <c r="O50" s="881"/>
      <c r="P50" s="881"/>
      <c r="Q50" s="881"/>
      <c r="R50" s="881"/>
      <c r="S50" s="881"/>
      <c r="T50" s="881"/>
      <c r="U50" s="881"/>
      <c r="V50" s="882"/>
      <c r="W50" s="452"/>
      <c r="X50" s="452"/>
      <c r="Y50" s="452"/>
      <c r="Z50" s="452"/>
      <c r="AA50" s="452"/>
      <c r="AB50" s="452"/>
      <c r="AC50" s="452"/>
      <c r="AD50" s="452"/>
      <c r="AE50" s="452"/>
      <c r="AF50" s="452"/>
      <c r="AG50" s="452"/>
      <c r="AH50" s="452"/>
    </row>
    <row r="51" spans="1:34" s="618" customFormat="1" ht="15.95" customHeight="1">
      <c r="A51" s="852"/>
      <c r="B51" s="200" t="s">
        <v>168</v>
      </c>
      <c r="C51" s="883"/>
      <c r="D51" s="883"/>
      <c r="E51" s="883"/>
      <c r="F51" s="234"/>
      <c r="G51" s="233"/>
      <c r="H51" s="883"/>
      <c r="I51" s="883" t="s">
        <v>130</v>
      </c>
      <c r="J51" s="883"/>
      <c r="K51" s="659"/>
      <c r="L51" s="659"/>
      <c r="M51" s="883" t="s">
        <v>169</v>
      </c>
      <c r="N51" s="883"/>
      <c r="O51" s="883"/>
      <c r="P51" s="883"/>
      <c r="Q51" s="883" t="s">
        <v>130</v>
      </c>
      <c r="R51" s="883"/>
      <c r="S51" s="236"/>
      <c r="T51" s="236"/>
      <c r="U51" s="236"/>
      <c r="V51" s="240"/>
      <c r="W51" s="452"/>
      <c r="X51" s="452"/>
      <c r="Y51" s="452"/>
      <c r="Z51" s="452"/>
      <c r="AA51" s="452"/>
      <c r="AB51" s="452"/>
      <c r="AC51" s="452"/>
      <c r="AD51" s="452"/>
      <c r="AE51" s="452"/>
      <c r="AF51" s="452"/>
      <c r="AG51" s="452"/>
      <c r="AH51" s="452"/>
    </row>
    <row r="52" spans="1:34" s="618" customFormat="1" ht="15.95" customHeight="1">
      <c r="A52" s="852"/>
      <c r="B52" s="884"/>
      <c r="C52" s="663" t="s">
        <v>132</v>
      </c>
      <c r="D52" s="202"/>
      <c r="E52" s="233" t="s">
        <v>170</v>
      </c>
      <c r="F52" s="234"/>
      <c r="G52" s="233"/>
      <c r="H52" s="883"/>
      <c r="I52" s="883" t="s">
        <v>130</v>
      </c>
      <c r="J52" s="883"/>
      <c r="K52" s="659"/>
      <c r="L52" s="659"/>
      <c r="M52" s="883" t="s">
        <v>169</v>
      </c>
      <c r="N52" s="883"/>
      <c r="O52" s="883"/>
      <c r="P52" s="883"/>
      <c r="Q52" s="883" t="s">
        <v>130</v>
      </c>
      <c r="R52" s="883"/>
      <c r="S52" s="236"/>
      <c r="T52" s="236"/>
      <c r="U52" s="236"/>
      <c r="V52" s="240"/>
      <c r="W52" s="452"/>
      <c r="X52" s="452"/>
      <c r="Y52" s="452"/>
      <c r="Z52" s="452"/>
      <c r="AA52" s="452"/>
      <c r="AB52" s="452"/>
      <c r="AC52" s="452"/>
      <c r="AD52" s="452"/>
      <c r="AE52" s="452"/>
      <c r="AF52" s="452"/>
      <c r="AG52" s="452"/>
      <c r="AH52" s="452"/>
    </row>
    <row r="53" spans="1:34" s="618" customFormat="1" ht="15.95" customHeight="1">
      <c r="A53" s="852"/>
      <c r="B53" s="885"/>
      <c r="C53" s="631"/>
      <c r="D53" s="182"/>
      <c r="E53" s="233" t="s">
        <v>134</v>
      </c>
      <c r="F53" s="234"/>
      <c r="G53" s="233"/>
      <c r="H53" s="883"/>
      <c r="I53" s="883" t="s">
        <v>130</v>
      </c>
      <c r="J53" s="883"/>
      <c r="K53" s="659"/>
      <c r="L53" s="659"/>
      <c r="M53" s="883" t="s">
        <v>169</v>
      </c>
      <c r="N53" s="883"/>
      <c r="O53" s="883"/>
      <c r="P53" s="883"/>
      <c r="Q53" s="883" t="s">
        <v>130</v>
      </c>
      <c r="R53" s="883"/>
      <c r="S53" s="236"/>
      <c r="T53" s="236"/>
      <c r="U53" s="236"/>
      <c r="V53" s="240"/>
      <c r="W53" s="452"/>
      <c r="X53" s="452"/>
      <c r="Y53" s="452"/>
      <c r="Z53" s="452"/>
      <c r="AA53" s="452"/>
      <c r="AB53" s="452"/>
      <c r="AC53" s="452"/>
      <c r="AD53" s="452"/>
      <c r="AE53" s="452"/>
      <c r="AF53" s="452"/>
      <c r="AG53" s="452"/>
      <c r="AH53" s="452"/>
    </row>
    <row r="54" spans="1:34" s="618" customFormat="1" ht="15.95" customHeight="1">
      <c r="A54" s="852"/>
      <c r="B54" s="886"/>
      <c r="C54" s="646"/>
      <c r="D54" s="195"/>
      <c r="E54" s="233" t="s">
        <v>171</v>
      </c>
      <c r="F54" s="234"/>
      <c r="G54" s="233"/>
      <c r="H54" s="883"/>
      <c r="I54" s="883" t="s">
        <v>130</v>
      </c>
      <c r="J54" s="883"/>
      <c r="K54" s="659"/>
      <c r="L54" s="659"/>
      <c r="M54" s="883" t="s">
        <v>169</v>
      </c>
      <c r="N54" s="883"/>
      <c r="O54" s="883"/>
      <c r="P54" s="883"/>
      <c r="Q54" s="883" t="s">
        <v>130</v>
      </c>
      <c r="R54" s="883"/>
      <c r="S54" s="236"/>
      <c r="T54" s="236"/>
      <c r="U54" s="236"/>
      <c r="V54" s="240"/>
      <c r="W54" s="452"/>
      <c r="X54" s="452"/>
      <c r="Y54" s="452"/>
      <c r="Z54" s="452"/>
      <c r="AA54" s="452"/>
      <c r="AB54" s="452"/>
      <c r="AC54" s="452"/>
      <c r="AD54" s="452"/>
      <c r="AE54" s="452"/>
      <c r="AF54" s="452"/>
      <c r="AG54" s="452"/>
      <c r="AH54" s="452"/>
    </row>
    <row r="55" spans="1:34" s="618" customFormat="1" ht="16.350000000000001" customHeight="1">
      <c r="A55" s="852"/>
      <c r="B55" s="201" t="s">
        <v>136</v>
      </c>
      <c r="C55" s="201"/>
      <c r="D55" s="201"/>
      <c r="E55" s="201"/>
      <c r="F55" s="202"/>
      <c r="G55" s="233"/>
      <c r="H55" s="883"/>
      <c r="I55" s="883" t="s">
        <v>130</v>
      </c>
      <c r="J55" s="883"/>
      <c r="K55" s="659"/>
      <c r="L55" s="659"/>
      <c r="M55" s="883" t="s">
        <v>169</v>
      </c>
      <c r="N55" s="883"/>
      <c r="O55" s="883"/>
      <c r="P55" s="883"/>
      <c r="Q55" s="883" t="s">
        <v>130</v>
      </c>
      <c r="R55" s="883"/>
      <c r="S55" s="236"/>
      <c r="T55" s="236"/>
      <c r="U55" s="236"/>
      <c r="V55" s="240"/>
      <c r="W55" s="452"/>
      <c r="X55" s="452"/>
      <c r="Y55" s="452"/>
      <c r="Z55" s="452"/>
      <c r="AA55" s="452"/>
      <c r="AB55" s="452"/>
      <c r="AC55" s="452"/>
      <c r="AD55" s="452"/>
      <c r="AE55" s="452"/>
      <c r="AF55" s="452"/>
      <c r="AG55" s="452"/>
      <c r="AH55" s="452"/>
    </row>
    <row r="56" spans="1:34" s="618" customFormat="1" ht="16.350000000000001" customHeight="1" thickBot="1">
      <c r="A56" s="891"/>
      <c r="B56" s="887" t="s">
        <v>137</v>
      </c>
      <c r="C56" s="672"/>
      <c r="D56" s="672"/>
      <c r="E56" s="672"/>
      <c r="F56" s="244"/>
      <c r="G56" s="673"/>
      <c r="H56" s="674"/>
      <c r="I56" s="674"/>
      <c r="J56" s="674"/>
      <c r="K56" s="888"/>
      <c r="L56" s="675" t="s">
        <v>172</v>
      </c>
      <c r="M56" s="672"/>
      <c r="N56" s="672"/>
      <c r="O56" s="677"/>
      <c r="P56" s="678"/>
      <c r="Q56" s="678"/>
      <c r="R56" s="889"/>
      <c r="S56" s="889"/>
      <c r="T56" s="890"/>
      <c r="U56" s="889"/>
      <c r="V56" s="679"/>
      <c r="W56" s="452"/>
      <c r="X56" s="452"/>
      <c r="Y56" s="452"/>
      <c r="Z56" s="452"/>
      <c r="AA56" s="452"/>
      <c r="AB56" s="452"/>
      <c r="AC56" s="452"/>
      <c r="AD56" s="452"/>
      <c r="AE56" s="452"/>
      <c r="AF56" s="452"/>
      <c r="AG56" s="452"/>
      <c r="AH56" s="452"/>
    </row>
    <row r="57" spans="1:34" s="618" customFormat="1" ht="15" customHeight="1">
      <c r="A57" s="849" t="s">
        <v>157</v>
      </c>
      <c r="B57" s="869" t="s">
        <v>166</v>
      </c>
      <c r="C57" s="869"/>
      <c r="D57" s="869"/>
      <c r="E57" s="869"/>
      <c r="F57" s="869"/>
      <c r="G57" s="869"/>
      <c r="H57" s="869"/>
      <c r="I57" s="869"/>
      <c r="J57" s="869"/>
      <c r="K57" s="869"/>
      <c r="L57" s="869"/>
      <c r="M57" s="869"/>
      <c r="N57" s="869"/>
      <c r="O57" s="869"/>
      <c r="P57" s="869"/>
      <c r="Q57" s="869"/>
      <c r="R57" s="869"/>
      <c r="S57" s="869"/>
      <c r="T57" s="869"/>
      <c r="U57" s="869"/>
      <c r="V57" s="870"/>
      <c r="W57" s="452"/>
      <c r="X57" s="452"/>
      <c r="Y57" s="452"/>
      <c r="Z57" s="452"/>
      <c r="AA57" s="452"/>
      <c r="AB57" s="452"/>
      <c r="AC57" s="452"/>
      <c r="AD57" s="452"/>
      <c r="AE57" s="452"/>
      <c r="AF57" s="452"/>
      <c r="AG57" s="452"/>
      <c r="AH57" s="452"/>
    </row>
    <row r="58" spans="1:34" s="618" customFormat="1" ht="16.350000000000001" customHeight="1">
      <c r="A58" s="852"/>
      <c r="B58" s="871" t="s">
        <v>167</v>
      </c>
      <c r="C58" s="871"/>
      <c r="D58" s="871"/>
      <c r="E58" s="871"/>
      <c r="F58" s="872"/>
      <c r="G58" s="649" t="s">
        <v>120</v>
      </c>
      <c r="H58" s="873"/>
      <c r="I58" s="874" t="s">
        <v>121</v>
      </c>
      <c r="J58" s="873"/>
      <c r="K58" s="874" t="s">
        <v>122</v>
      </c>
      <c r="L58" s="873"/>
      <c r="M58" s="874" t="s">
        <v>123</v>
      </c>
      <c r="N58" s="873"/>
      <c r="O58" s="874" t="s">
        <v>124</v>
      </c>
      <c r="P58" s="873"/>
      <c r="Q58" s="874" t="s">
        <v>125</v>
      </c>
      <c r="R58" s="873"/>
      <c r="S58" s="874" t="s">
        <v>126</v>
      </c>
      <c r="T58" s="873"/>
      <c r="U58" s="874" t="s">
        <v>127</v>
      </c>
      <c r="V58" s="875"/>
      <c r="W58" s="452"/>
      <c r="X58" s="452"/>
      <c r="Y58" s="452"/>
      <c r="Z58" s="452"/>
      <c r="AA58" s="452"/>
      <c r="AB58" s="452"/>
      <c r="AC58" s="452"/>
      <c r="AD58" s="452"/>
      <c r="AE58" s="452"/>
      <c r="AF58" s="452"/>
      <c r="AG58" s="452"/>
      <c r="AH58" s="452"/>
    </row>
    <row r="59" spans="1:34" s="618" customFormat="1" ht="15.6" customHeight="1">
      <c r="A59" s="852"/>
      <c r="B59" s="876"/>
      <c r="C59" s="876"/>
      <c r="D59" s="876"/>
      <c r="E59" s="876"/>
      <c r="F59" s="877"/>
      <c r="G59" s="874"/>
      <c r="H59" s="873"/>
      <c r="I59" s="874"/>
      <c r="J59" s="873"/>
      <c r="K59" s="874"/>
      <c r="L59" s="873"/>
      <c r="M59" s="874"/>
      <c r="N59" s="873"/>
      <c r="O59" s="874"/>
      <c r="P59" s="873"/>
      <c r="Q59" s="874"/>
      <c r="R59" s="873"/>
      <c r="S59" s="874"/>
      <c r="T59" s="873"/>
      <c r="U59" s="874"/>
      <c r="V59" s="875"/>
      <c r="W59" s="452"/>
      <c r="X59" s="452"/>
      <c r="Y59" s="452"/>
      <c r="Z59" s="452"/>
      <c r="AA59" s="452"/>
      <c r="AB59" s="452"/>
      <c r="AC59" s="452"/>
      <c r="AD59" s="452"/>
      <c r="AE59" s="452"/>
      <c r="AF59" s="452"/>
      <c r="AG59" s="452"/>
      <c r="AH59" s="452"/>
    </row>
    <row r="60" spans="1:34" s="618" customFormat="1" ht="15.6" customHeight="1">
      <c r="A60" s="852"/>
      <c r="B60" s="878"/>
      <c r="C60" s="878"/>
      <c r="D60" s="878"/>
      <c r="E60" s="878"/>
      <c r="F60" s="879"/>
      <c r="G60" s="874" t="s">
        <v>128</v>
      </c>
      <c r="H60" s="649"/>
      <c r="I60" s="649"/>
      <c r="J60" s="649"/>
      <c r="K60" s="649"/>
      <c r="L60" s="873"/>
      <c r="M60" s="880"/>
      <c r="N60" s="881"/>
      <c r="O60" s="881"/>
      <c r="P60" s="881"/>
      <c r="Q60" s="881"/>
      <c r="R60" s="881"/>
      <c r="S60" s="881"/>
      <c r="T60" s="881"/>
      <c r="U60" s="881"/>
      <c r="V60" s="882"/>
      <c r="W60" s="452"/>
      <c r="X60" s="452"/>
      <c r="Y60" s="452"/>
      <c r="Z60" s="452"/>
      <c r="AA60" s="452"/>
      <c r="AB60" s="452"/>
      <c r="AC60" s="452"/>
      <c r="AD60" s="452"/>
      <c r="AE60" s="452"/>
      <c r="AF60" s="452"/>
      <c r="AG60" s="452"/>
      <c r="AH60" s="452"/>
    </row>
    <row r="61" spans="1:34" s="618" customFormat="1" ht="15.95" customHeight="1">
      <c r="A61" s="852"/>
      <c r="B61" s="200" t="s">
        <v>168</v>
      </c>
      <c r="C61" s="883"/>
      <c r="D61" s="883"/>
      <c r="E61" s="883"/>
      <c r="F61" s="234"/>
      <c r="G61" s="233"/>
      <c r="H61" s="883"/>
      <c r="I61" s="883" t="s">
        <v>130</v>
      </c>
      <c r="J61" s="883"/>
      <c r="K61" s="659"/>
      <c r="L61" s="659"/>
      <c r="M61" s="883" t="s">
        <v>169</v>
      </c>
      <c r="N61" s="883"/>
      <c r="O61" s="883"/>
      <c r="P61" s="883"/>
      <c r="Q61" s="883" t="s">
        <v>130</v>
      </c>
      <c r="R61" s="883"/>
      <c r="S61" s="236"/>
      <c r="T61" s="236"/>
      <c r="U61" s="236"/>
      <c r="V61" s="240"/>
      <c r="W61" s="452"/>
      <c r="X61" s="452"/>
      <c r="Y61" s="452"/>
      <c r="Z61" s="452"/>
      <c r="AA61" s="452"/>
      <c r="AB61" s="452"/>
      <c r="AC61" s="452"/>
      <c r="AD61" s="452"/>
      <c r="AE61" s="452"/>
      <c r="AF61" s="452"/>
      <c r="AG61" s="452"/>
      <c r="AH61" s="452"/>
    </row>
    <row r="62" spans="1:34" s="618" customFormat="1" ht="15.95" customHeight="1">
      <c r="A62" s="852"/>
      <c r="B62" s="884"/>
      <c r="C62" s="663" t="s">
        <v>132</v>
      </c>
      <c r="D62" s="202"/>
      <c r="E62" s="233" t="s">
        <v>170</v>
      </c>
      <c r="F62" s="234"/>
      <c r="G62" s="233"/>
      <c r="H62" s="883"/>
      <c r="I62" s="883" t="s">
        <v>130</v>
      </c>
      <c r="J62" s="883"/>
      <c r="K62" s="659"/>
      <c r="L62" s="659"/>
      <c r="M62" s="883" t="s">
        <v>169</v>
      </c>
      <c r="N62" s="883"/>
      <c r="O62" s="883"/>
      <c r="P62" s="883"/>
      <c r="Q62" s="883" t="s">
        <v>130</v>
      </c>
      <c r="R62" s="883"/>
      <c r="S62" s="236"/>
      <c r="T62" s="236"/>
      <c r="U62" s="236"/>
      <c r="V62" s="240"/>
      <c r="W62" s="452"/>
      <c r="X62" s="452"/>
      <c r="Y62" s="452"/>
      <c r="Z62" s="452"/>
      <c r="AA62" s="452"/>
      <c r="AB62" s="452"/>
      <c r="AC62" s="452"/>
      <c r="AD62" s="452"/>
      <c r="AE62" s="452"/>
      <c r="AF62" s="452"/>
      <c r="AG62" s="452"/>
      <c r="AH62" s="452"/>
    </row>
    <row r="63" spans="1:34" s="618" customFormat="1" ht="15.95" customHeight="1">
      <c r="A63" s="852"/>
      <c r="B63" s="885"/>
      <c r="C63" s="631"/>
      <c r="D63" s="182"/>
      <c r="E63" s="233" t="s">
        <v>134</v>
      </c>
      <c r="F63" s="234"/>
      <c r="G63" s="233"/>
      <c r="H63" s="883"/>
      <c r="I63" s="883" t="s">
        <v>130</v>
      </c>
      <c r="J63" s="883"/>
      <c r="K63" s="659"/>
      <c r="L63" s="659"/>
      <c r="M63" s="883" t="s">
        <v>169</v>
      </c>
      <c r="N63" s="883"/>
      <c r="O63" s="883"/>
      <c r="P63" s="883"/>
      <c r="Q63" s="883" t="s">
        <v>130</v>
      </c>
      <c r="R63" s="883"/>
      <c r="S63" s="236"/>
      <c r="T63" s="236"/>
      <c r="U63" s="236"/>
      <c r="V63" s="240"/>
      <c r="W63" s="452"/>
      <c r="X63" s="452"/>
      <c r="Y63" s="452"/>
      <c r="Z63" s="452"/>
      <c r="AA63" s="452"/>
      <c r="AB63" s="452"/>
      <c r="AC63" s="452"/>
      <c r="AD63" s="452"/>
      <c r="AE63" s="452"/>
      <c r="AF63" s="452"/>
      <c r="AG63" s="452"/>
      <c r="AH63" s="452"/>
    </row>
    <row r="64" spans="1:34" s="618" customFormat="1" ht="15.95" customHeight="1">
      <c r="A64" s="852"/>
      <c r="B64" s="886"/>
      <c r="C64" s="646"/>
      <c r="D64" s="195"/>
      <c r="E64" s="233" t="s">
        <v>171</v>
      </c>
      <c r="F64" s="234"/>
      <c r="G64" s="233"/>
      <c r="H64" s="883"/>
      <c r="I64" s="883" t="s">
        <v>130</v>
      </c>
      <c r="J64" s="883"/>
      <c r="K64" s="659"/>
      <c r="L64" s="659"/>
      <c r="M64" s="883" t="s">
        <v>169</v>
      </c>
      <c r="N64" s="883"/>
      <c r="O64" s="883"/>
      <c r="P64" s="883"/>
      <c r="Q64" s="883" t="s">
        <v>130</v>
      </c>
      <c r="R64" s="883"/>
      <c r="S64" s="236"/>
      <c r="T64" s="236"/>
      <c r="U64" s="236"/>
      <c r="V64" s="240"/>
      <c r="W64" s="452"/>
      <c r="X64" s="452"/>
      <c r="Y64" s="452"/>
      <c r="Z64" s="452"/>
      <c r="AA64" s="452"/>
      <c r="AB64" s="452"/>
      <c r="AC64" s="452"/>
      <c r="AD64" s="452"/>
      <c r="AE64" s="452"/>
      <c r="AF64" s="452"/>
      <c r="AG64" s="452"/>
      <c r="AH64" s="452"/>
    </row>
    <row r="65" spans="1:34" s="618" customFormat="1" ht="16.350000000000001" customHeight="1">
      <c r="A65" s="852"/>
      <c r="B65" s="201" t="s">
        <v>136</v>
      </c>
      <c r="C65" s="201"/>
      <c r="D65" s="201"/>
      <c r="E65" s="201"/>
      <c r="F65" s="202"/>
      <c r="G65" s="233"/>
      <c r="H65" s="883"/>
      <c r="I65" s="883" t="s">
        <v>130</v>
      </c>
      <c r="J65" s="883"/>
      <c r="K65" s="659"/>
      <c r="L65" s="659"/>
      <c r="M65" s="883" t="s">
        <v>169</v>
      </c>
      <c r="N65" s="883"/>
      <c r="O65" s="883"/>
      <c r="P65" s="883"/>
      <c r="Q65" s="883" t="s">
        <v>130</v>
      </c>
      <c r="R65" s="883"/>
      <c r="S65" s="236"/>
      <c r="T65" s="236"/>
      <c r="U65" s="236"/>
      <c r="V65" s="240"/>
      <c r="W65" s="452"/>
      <c r="X65" s="452"/>
      <c r="Y65" s="452"/>
      <c r="Z65" s="452"/>
      <c r="AA65" s="452"/>
      <c r="AB65" s="452"/>
      <c r="AC65" s="452"/>
      <c r="AD65" s="452"/>
      <c r="AE65" s="452"/>
      <c r="AF65" s="452"/>
      <c r="AG65" s="452"/>
      <c r="AH65" s="452"/>
    </row>
    <row r="66" spans="1:34" s="618" customFormat="1" ht="16.350000000000001" customHeight="1" thickBot="1">
      <c r="A66" s="891"/>
      <c r="B66" s="887" t="s">
        <v>137</v>
      </c>
      <c r="C66" s="672"/>
      <c r="D66" s="672"/>
      <c r="E66" s="672"/>
      <c r="F66" s="244"/>
      <c r="G66" s="673"/>
      <c r="H66" s="674"/>
      <c r="I66" s="674"/>
      <c r="J66" s="674"/>
      <c r="K66" s="888"/>
      <c r="L66" s="675" t="s">
        <v>172</v>
      </c>
      <c r="M66" s="672"/>
      <c r="N66" s="672"/>
      <c r="O66" s="677"/>
      <c r="P66" s="678"/>
      <c r="Q66" s="678"/>
      <c r="R66" s="889"/>
      <c r="S66" s="889"/>
      <c r="T66" s="890"/>
      <c r="U66" s="889"/>
      <c r="V66" s="679"/>
      <c r="W66" s="452"/>
      <c r="X66" s="452"/>
      <c r="Y66" s="452"/>
      <c r="Z66" s="452"/>
      <c r="AA66" s="452"/>
      <c r="AB66" s="452"/>
      <c r="AC66" s="452"/>
      <c r="AD66" s="452"/>
      <c r="AE66" s="452"/>
      <c r="AF66" s="452"/>
      <c r="AG66" s="452"/>
      <c r="AH66" s="452"/>
    </row>
    <row r="67" spans="1:34" ht="15.95" customHeight="1">
      <c r="A67" s="448"/>
      <c r="B67" s="911"/>
      <c r="C67" s="911"/>
      <c r="D67" s="911"/>
      <c r="E67" s="911"/>
      <c r="F67" s="911"/>
      <c r="G67" s="911"/>
      <c r="H67" s="911"/>
      <c r="I67" s="911"/>
      <c r="J67" s="911"/>
      <c r="K67" s="911"/>
      <c r="L67" s="911"/>
      <c r="M67" s="911"/>
      <c r="N67" s="911"/>
      <c r="O67" s="911"/>
      <c r="P67" s="911"/>
      <c r="Q67" s="911"/>
      <c r="R67" s="911"/>
      <c r="S67" s="911"/>
      <c r="T67" s="911"/>
      <c r="U67" s="911"/>
      <c r="V67" s="911"/>
    </row>
    <row r="68" spans="1:34" ht="15.95" customHeight="1">
      <c r="A68" s="912"/>
      <c r="B68" s="911"/>
      <c r="C68" s="911"/>
      <c r="D68" s="911"/>
      <c r="E68" s="911"/>
      <c r="F68" s="911"/>
      <c r="G68" s="911"/>
      <c r="H68" s="911"/>
      <c r="I68" s="911"/>
      <c r="J68" s="911"/>
      <c r="K68" s="911"/>
      <c r="L68" s="911"/>
      <c r="M68" s="911"/>
      <c r="N68" s="911"/>
      <c r="O68" s="911"/>
      <c r="P68" s="911"/>
      <c r="Q68" s="911"/>
      <c r="R68" s="911"/>
      <c r="S68" s="911"/>
      <c r="T68" s="911"/>
      <c r="U68" s="911"/>
      <c r="V68" s="911"/>
    </row>
    <row r="69" spans="1:34" ht="12.75" customHeight="1">
      <c r="A69" s="448"/>
      <c r="B69" s="913"/>
      <c r="C69" s="913"/>
      <c r="D69" s="913"/>
      <c r="E69" s="913"/>
      <c r="F69" s="913"/>
      <c r="G69" s="913"/>
      <c r="H69" s="913"/>
      <c r="I69" s="913"/>
      <c r="J69" s="913"/>
      <c r="K69" s="913"/>
      <c r="L69" s="913"/>
      <c r="M69" s="913"/>
      <c r="N69" s="913"/>
      <c r="O69" s="913"/>
      <c r="P69" s="913"/>
      <c r="Q69" s="913"/>
      <c r="R69" s="913"/>
      <c r="S69" s="913"/>
      <c r="T69" s="913"/>
      <c r="U69" s="913"/>
      <c r="V69" s="913"/>
    </row>
    <row r="71" spans="1:34" s="914" customFormat="1"/>
    <row r="73" spans="1:34" s="914" customFormat="1"/>
    <row r="75" spans="1:34" s="914" customFormat="1"/>
  </sheetData>
  <mergeCells count="361">
    <mergeCell ref="B67:V68"/>
    <mergeCell ref="Q65:R65"/>
    <mergeCell ref="S65:V65"/>
    <mergeCell ref="B66:F66"/>
    <mergeCell ref="G66:J66"/>
    <mergeCell ref="M66:N66"/>
    <mergeCell ref="P66:Q66"/>
    <mergeCell ref="B65:F65"/>
    <mergeCell ref="G65:H65"/>
    <mergeCell ref="I65:J65"/>
    <mergeCell ref="K65:L65"/>
    <mergeCell ref="M65:N65"/>
    <mergeCell ref="O65:P65"/>
    <mergeCell ref="S63:V63"/>
    <mergeCell ref="E64:F64"/>
    <mergeCell ref="G64:H64"/>
    <mergeCell ref="I64:J64"/>
    <mergeCell ref="K64:L64"/>
    <mergeCell ref="M64:N64"/>
    <mergeCell ref="O64:P64"/>
    <mergeCell ref="Q64:R64"/>
    <mergeCell ref="S64:V64"/>
    <mergeCell ref="O62:P62"/>
    <mergeCell ref="Q62:R62"/>
    <mergeCell ref="S62:V62"/>
    <mergeCell ref="E63:F63"/>
    <mergeCell ref="G63:H63"/>
    <mergeCell ref="I63:J63"/>
    <mergeCell ref="K63:L63"/>
    <mergeCell ref="M63:N63"/>
    <mergeCell ref="O63:P63"/>
    <mergeCell ref="Q63:R63"/>
    <mergeCell ref="C62:D64"/>
    <mergeCell ref="E62:F62"/>
    <mergeCell ref="G62:H62"/>
    <mergeCell ref="I62:J62"/>
    <mergeCell ref="K62:L62"/>
    <mergeCell ref="M62:N62"/>
    <mergeCell ref="G60:L60"/>
    <mergeCell ref="M60:V60"/>
    <mergeCell ref="B61:F61"/>
    <mergeCell ref="G61:H61"/>
    <mergeCell ref="I61:J61"/>
    <mergeCell ref="K61:L61"/>
    <mergeCell ref="M61:N61"/>
    <mergeCell ref="O61:P61"/>
    <mergeCell ref="Q61:R61"/>
    <mergeCell ref="S61:V61"/>
    <mergeCell ref="U58:V58"/>
    <mergeCell ref="G59:H59"/>
    <mergeCell ref="I59:J59"/>
    <mergeCell ref="K59:L59"/>
    <mergeCell ref="M59:N59"/>
    <mergeCell ref="O59:P59"/>
    <mergeCell ref="Q59:R59"/>
    <mergeCell ref="S59:T59"/>
    <mergeCell ref="U59:V59"/>
    <mergeCell ref="A57:A66"/>
    <mergeCell ref="B57:V57"/>
    <mergeCell ref="B58:F60"/>
    <mergeCell ref="G58:H58"/>
    <mergeCell ref="I58:J58"/>
    <mergeCell ref="K58:L58"/>
    <mergeCell ref="M58:N58"/>
    <mergeCell ref="O58:P58"/>
    <mergeCell ref="Q58:R58"/>
    <mergeCell ref="S58:T58"/>
    <mergeCell ref="Q55:R55"/>
    <mergeCell ref="S55:V55"/>
    <mergeCell ref="B56:F56"/>
    <mergeCell ref="G56:J56"/>
    <mergeCell ref="M56:N56"/>
    <mergeCell ref="P56:Q56"/>
    <mergeCell ref="B55:F55"/>
    <mergeCell ref="G55:H55"/>
    <mergeCell ref="I55:J55"/>
    <mergeCell ref="K55:L55"/>
    <mergeCell ref="M55:N55"/>
    <mergeCell ref="O55:P55"/>
    <mergeCell ref="S53:V53"/>
    <mergeCell ref="E54:F54"/>
    <mergeCell ref="G54:H54"/>
    <mergeCell ref="I54:J54"/>
    <mergeCell ref="K54:L54"/>
    <mergeCell ref="M54:N54"/>
    <mergeCell ref="O54:P54"/>
    <mergeCell ref="Q54:R54"/>
    <mergeCell ref="S54:V54"/>
    <mergeCell ref="O52:P52"/>
    <mergeCell ref="Q52:R52"/>
    <mergeCell ref="S52:V52"/>
    <mergeCell ref="E53:F53"/>
    <mergeCell ref="G53:H53"/>
    <mergeCell ref="I53:J53"/>
    <mergeCell ref="K53:L53"/>
    <mergeCell ref="M53:N53"/>
    <mergeCell ref="O53:P53"/>
    <mergeCell ref="Q53:R53"/>
    <mergeCell ref="C52:D54"/>
    <mergeCell ref="E52:F52"/>
    <mergeCell ref="G52:H52"/>
    <mergeCell ref="I52:J52"/>
    <mergeCell ref="K52:L52"/>
    <mergeCell ref="M52:N52"/>
    <mergeCell ref="G50:L50"/>
    <mergeCell ref="M50:V50"/>
    <mergeCell ref="B51:F51"/>
    <mergeCell ref="G51:H51"/>
    <mergeCell ref="I51:J51"/>
    <mergeCell ref="K51:L51"/>
    <mergeCell ref="M51:N51"/>
    <mergeCell ref="O51:P51"/>
    <mergeCell ref="Q51:R51"/>
    <mergeCell ref="S51:V51"/>
    <mergeCell ref="U48:V48"/>
    <mergeCell ref="G49:H49"/>
    <mergeCell ref="I49:J49"/>
    <mergeCell ref="K49:L49"/>
    <mergeCell ref="M49:N49"/>
    <mergeCell ref="O49:P49"/>
    <mergeCell ref="Q49:R49"/>
    <mergeCell ref="S49:T49"/>
    <mergeCell ref="U49:V49"/>
    <mergeCell ref="A47:A56"/>
    <mergeCell ref="B47:V47"/>
    <mergeCell ref="B48:F50"/>
    <mergeCell ref="G48:H48"/>
    <mergeCell ref="I48:J48"/>
    <mergeCell ref="K48:L48"/>
    <mergeCell ref="M48:N48"/>
    <mergeCell ref="O48:P48"/>
    <mergeCell ref="Q48:R48"/>
    <mergeCell ref="S48:T48"/>
    <mergeCell ref="Q43:V43"/>
    <mergeCell ref="E44:F44"/>
    <mergeCell ref="G44:V44"/>
    <mergeCell ref="A45:V45"/>
    <mergeCell ref="A46:H46"/>
    <mergeCell ref="I46:J46"/>
    <mergeCell ref="M46:S46"/>
    <mergeCell ref="T46:U46"/>
    <mergeCell ref="B43:D44"/>
    <mergeCell ref="E43:F43"/>
    <mergeCell ref="G43:J43"/>
    <mergeCell ref="K43:L43"/>
    <mergeCell ref="M43:N43"/>
    <mergeCell ref="O43:P43"/>
    <mergeCell ref="K39:L39"/>
    <mergeCell ref="N39:V39"/>
    <mergeCell ref="E40:G41"/>
    <mergeCell ref="J40:N41"/>
    <mergeCell ref="Q40:V41"/>
    <mergeCell ref="E42:V42"/>
    <mergeCell ref="A35:V35"/>
    <mergeCell ref="A36:V36"/>
    <mergeCell ref="A37:A44"/>
    <mergeCell ref="B37:D37"/>
    <mergeCell ref="E37:V37"/>
    <mergeCell ref="B38:D38"/>
    <mergeCell ref="E38:V38"/>
    <mergeCell ref="B39:D42"/>
    <mergeCell ref="E39:G39"/>
    <mergeCell ref="H39:I39"/>
    <mergeCell ref="Q31:R31"/>
    <mergeCell ref="S31:V31"/>
    <mergeCell ref="B32:F32"/>
    <mergeCell ref="G32:J32"/>
    <mergeCell ref="M32:N32"/>
    <mergeCell ref="P32:Q32"/>
    <mergeCell ref="B31:F31"/>
    <mergeCell ref="G31:H31"/>
    <mergeCell ref="I31:J31"/>
    <mergeCell ref="K31:L31"/>
    <mergeCell ref="M31:N31"/>
    <mergeCell ref="O31:P31"/>
    <mergeCell ref="Q29:R29"/>
    <mergeCell ref="S29:V29"/>
    <mergeCell ref="E30:F30"/>
    <mergeCell ref="G30:H30"/>
    <mergeCell ref="I30:J30"/>
    <mergeCell ref="K30:L30"/>
    <mergeCell ref="M30:N30"/>
    <mergeCell ref="O30:P30"/>
    <mergeCell ref="Q30:R30"/>
    <mergeCell ref="S30:V30"/>
    <mergeCell ref="E29:F29"/>
    <mergeCell ref="G29:H29"/>
    <mergeCell ref="I29:J29"/>
    <mergeCell ref="K29:L29"/>
    <mergeCell ref="M29:N29"/>
    <mergeCell ref="O29:P29"/>
    <mergeCell ref="S27:V27"/>
    <mergeCell ref="C28:D30"/>
    <mergeCell ref="E28:F28"/>
    <mergeCell ref="G28:H28"/>
    <mergeCell ref="I28:J28"/>
    <mergeCell ref="K28:L28"/>
    <mergeCell ref="M28:N28"/>
    <mergeCell ref="O28:P28"/>
    <mergeCell ref="Q28:R28"/>
    <mergeCell ref="S28:V28"/>
    <mergeCell ref="U25:V25"/>
    <mergeCell ref="G26:L26"/>
    <mergeCell ref="M26:V26"/>
    <mergeCell ref="B27:F27"/>
    <mergeCell ref="G27:H27"/>
    <mergeCell ref="I27:J27"/>
    <mergeCell ref="K27:L27"/>
    <mergeCell ref="M27:N27"/>
    <mergeCell ref="O27:P27"/>
    <mergeCell ref="Q27:R27"/>
    <mergeCell ref="Q24:R24"/>
    <mergeCell ref="S24:T24"/>
    <mergeCell ref="U24:V24"/>
    <mergeCell ref="G25:H25"/>
    <mergeCell ref="I25:J25"/>
    <mergeCell ref="K25:L25"/>
    <mergeCell ref="M25:N25"/>
    <mergeCell ref="O25:P25"/>
    <mergeCell ref="Q25:R25"/>
    <mergeCell ref="S25:T25"/>
    <mergeCell ref="Q22:R22"/>
    <mergeCell ref="S22:T22"/>
    <mergeCell ref="U22:V22"/>
    <mergeCell ref="B23:V23"/>
    <mergeCell ref="B24:F26"/>
    <mergeCell ref="G24:H24"/>
    <mergeCell ref="I24:J24"/>
    <mergeCell ref="K24:L24"/>
    <mergeCell ref="M24:N24"/>
    <mergeCell ref="O24:P24"/>
    <mergeCell ref="O21:P21"/>
    <mergeCell ref="Q21:R21"/>
    <mergeCell ref="S21:T21"/>
    <mergeCell ref="U21:V21"/>
    <mergeCell ref="C22:F22"/>
    <mergeCell ref="G22:H22"/>
    <mergeCell ref="I22:J22"/>
    <mergeCell ref="K22:L22"/>
    <mergeCell ref="M22:N22"/>
    <mergeCell ref="O22:P22"/>
    <mergeCell ref="M20:N20"/>
    <mergeCell ref="O20:P20"/>
    <mergeCell ref="Q20:R20"/>
    <mergeCell ref="S20:T20"/>
    <mergeCell ref="U20:V20"/>
    <mergeCell ref="C21:F21"/>
    <mergeCell ref="G21:H21"/>
    <mergeCell ref="I21:J21"/>
    <mergeCell ref="K21:L21"/>
    <mergeCell ref="M21:N21"/>
    <mergeCell ref="A18:A32"/>
    <mergeCell ref="B18:V18"/>
    <mergeCell ref="B19:F20"/>
    <mergeCell ref="G19:J19"/>
    <mergeCell ref="K19:N19"/>
    <mergeCell ref="O19:R19"/>
    <mergeCell ref="S19:V19"/>
    <mergeCell ref="G20:H20"/>
    <mergeCell ref="I20:J20"/>
    <mergeCell ref="K20:L20"/>
    <mergeCell ref="Q16:R16"/>
    <mergeCell ref="S16:V16"/>
    <mergeCell ref="B17:F17"/>
    <mergeCell ref="G17:J17"/>
    <mergeCell ref="M17:N17"/>
    <mergeCell ref="P17:Q17"/>
    <mergeCell ref="B16:F16"/>
    <mergeCell ref="G16:H16"/>
    <mergeCell ref="I16:J16"/>
    <mergeCell ref="K16:L16"/>
    <mergeCell ref="M16:N16"/>
    <mergeCell ref="O16:P16"/>
    <mergeCell ref="Q14:R14"/>
    <mergeCell ref="S14:V14"/>
    <mergeCell ref="E15:F15"/>
    <mergeCell ref="G15:H15"/>
    <mergeCell ref="I15:J15"/>
    <mergeCell ref="K15:L15"/>
    <mergeCell ref="M15:N15"/>
    <mergeCell ref="O15:P15"/>
    <mergeCell ref="Q15:R15"/>
    <mergeCell ref="S15:V15"/>
    <mergeCell ref="E14:F14"/>
    <mergeCell ref="G14:H14"/>
    <mergeCell ref="I14:J14"/>
    <mergeCell ref="K14:L14"/>
    <mergeCell ref="M14:N14"/>
    <mergeCell ref="O14:P14"/>
    <mergeCell ref="S12:V12"/>
    <mergeCell ref="C13:D15"/>
    <mergeCell ref="E13:F13"/>
    <mergeCell ref="G13:H13"/>
    <mergeCell ref="I13:J13"/>
    <mergeCell ref="K13:L13"/>
    <mergeCell ref="M13:N13"/>
    <mergeCell ref="O13:P13"/>
    <mergeCell ref="Q13:R13"/>
    <mergeCell ref="S13:V13"/>
    <mergeCell ref="U10:V10"/>
    <mergeCell ref="G11:L11"/>
    <mergeCell ref="M11:V11"/>
    <mergeCell ref="B12:F12"/>
    <mergeCell ref="G12:H12"/>
    <mergeCell ref="I12:J12"/>
    <mergeCell ref="K12:L12"/>
    <mergeCell ref="M12:N12"/>
    <mergeCell ref="O12:P12"/>
    <mergeCell ref="Q12:R12"/>
    <mergeCell ref="Q9:R9"/>
    <mergeCell ref="S9:T9"/>
    <mergeCell ref="U9:V9"/>
    <mergeCell ref="G10:H10"/>
    <mergeCell ref="I10:J10"/>
    <mergeCell ref="K10:L10"/>
    <mergeCell ref="M10:N10"/>
    <mergeCell ref="O10:P10"/>
    <mergeCell ref="Q10:R10"/>
    <mergeCell ref="S10:T10"/>
    <mergeCell ref="Q7:R7"/>
    <mergeCell ref="S7:T7"/>
    <mergeCell ref="U7:V7"/>
    <mergeCell ref="B8:V8"/>
    <mergeCell ref="B9:F11"/>
    <mergeCell ref="G9:H9"/>
    <mergeCell ref="I9:J9"/>
    <mergeCell ref="K9:L9"/>
    <mergeCell ref="M9:N9"/>
    <mergeCell ref="O9:P9"/>
    <mergeCell ref="C7:F7"/>
    <mergeCell ref="G7:H7"/>
    <mergeCell ref="I7:J7"/>
    <mergeCell ref="K7:L7"/>
    <mergeCell ref="M7:N7"/>
    <mergeCell ref="O7:P7"/>
    <mergeCell ref="U5:V5"/>
    <mergeCell ref="C6:F6"/>
    <mergeCell ref="G6:H6"/>
    <mergeCell ref="I6:J6"/>
    <mergeCell ref="K6:L6"/>
    <mergeCell ref="M6:N6"/>
    <mergeCell ref="O6:P6"/>
    <mergeCell ref="Q6:R6"/>
    <mergeCell ref="S6:T6"/>
    <mergeCell ref="U6:V6"/>
    <mergeCell ref="I5:J5"/>
    <mergeCell ref="K5:L5"/>
    <mergeCell ref="M5:N5"/>
    <mergeCell ref="O5:P5"/>
    <mergeCell ref="Q5:R5"/>
    <mergeCell ref="S5:T5"/>
    <mergeCell ref="A1:V1"/>
    <mergeCell ref="A2:V2"/>
    <mergeCell ref="A3:A17"/>
    <mergeCell ref="B3:V3"/>
    <mergeCell ref="B4:F5"/>
    <mergeCell ref="G4:J4"/>
    <mergeCell ref="K4:N4"/>
    <mergeCell ref="O4:R4"/>
    <mergeCell ref="S4:V4"/>
    <mergeCell ref="G5:H5"/>
  </mergeCells>
  <phoneticPr fontId="3"/>
  <dataValidations count="1">
    <dataValidation type="list" allowBlank="1" showInputMessage="1" showErrorMessage="1" sqref="G10:V10 G25:V25 G59:V59 G49:V49" xr:uid="{75146134-F09A-4680-8873-90DE7D26CAB5}">
      <formula1>"〇"</formula1>
    </dataValidation>
  </dataValidations>
  <printOptions horizontalCentered="1"/>
  <pageMargins left="0.70866141732283472" right="0.70866141732283472" top="0.74803149606299213" bottom="0.74803149606299213" header="0.31496062992125984" footer="0.31496062992125984"/>
  <pageSetup paperSize="9" scale="60" orientation="portrait" r:id="rId1"/>
  <headerFooter alignWithMargins="0"/>
  <rowBreaks count="1" manualBreakCount="1">
    <brk id="34" max="16383" man="1"/>
  </rowBreak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FA08CC-68B8-49F1-A05F-1464DE3A2B54}">
  <dimension ref="A1:AH130"/>
  <sheetViews>
    <sheetView view="pageBreakPreview" zoomScale="166" zoomScaleNormal="100" zoomScaleSheetLayoutView="166" workbookViewId="0">
      <selection activeCell="A2" sqref="A2:AK79"/>
    </sheetView>
  </sheetViews>
  <sheetFormatPr defaultColWidth="9.125" defaultRowHeight="12"/>
  <cols>
    <col min="1" max="2" width="5.125" style="306" customWidth="1"/>
    <col min="3" max="3" width="10.5" style="306" customWidth="1"/>
    <col min="4" max="4" width="5.75" style="306" customWidth="1"/>
    <col min="5" max="6" width="6.125" style="306" customWidth="1"/>
    <col min="7" max="19" width="5.125" style="306" customWidth="1"/>
    <col min="20" max="20" width="8.375" style="306" customWidth="1"/>
    <col min="21" max="21" width="5.125" style="306" customWidth="1"/>
    <col min="22" max="22" width="7.875" style="306" customWidth="1"/>
    <col min="23" max="16384" width="9.125" style="306"/>
  </cols>
  <sheetData>
    <row r="1" spans="1:25" ht="36" customHeight="1" thickBot="1">
      <c r="A1" s="915" t="s">
        <v>183</v>
      </c>
      <c r="B1" s="915"/>
      <c r="C1" s="915"/>
      <c r="D1" s="915"/>
      <c r="E1" s="915"/>
      <c r="F1" s="915"/>
      <c r="G1" s="915"/>
      <c r="H1" s="915"/>
      <c r="I1" s="915"/>
      <c r="J1" s="915"/>
      <c r="K1" s="915"/>
      <c r="L1" s="915"/>
      <c r="M1" s="915"/>
      <c r="N1" s="915"/>
      <c r="O1" s="915"/>
      <c r="P1" s="915"/>
      <c r="Q1" s="915"/>
      <c r="R1" s="915"/>
      <c r="S1" s="915"/>
      <c r="T1" s="915"/>
      <c r="U1" s="915"/>
      <c r="V1" s="915"/>
    </row>
    <row r="2" spans="1:25" s="2" customFormat="1" ht="15" customHeight="1">
      <c r="A2" s="916" t="s">
        <v>1</v>
      </c>
      <c r="B2" s="252" t="s">
        <v>2</v>
      </c>
      <c r="C2" s="253"/>
      <c r="D2" s="253"/>
      <c r="E2" s="5"/>
      <c r="F2" s="6"/>
      <c r="G2" s="6"/>
      <c r="H2" s="6"/>
      <c r="I2" s="6"/>
      <c r="J2" s="6"/>
      <c r="K2" s="6"/>
      <c r="L2" s="6"/>
      <c r="M2" s="6"/>
      <c r="N2" s="6"/>
      <c r="O2" s="6"/>
      <c r="P2" s="6"/>
      <c r="Q2" s="6"/>
      <c r="R2" s="6"/>
      <c r="S2" s="6"/>
      <c r="T2" s="6"/>
      <c r="U2" s="6"/>
      <c r="V2" s="7"/>
    </row>
    <row r="3" spans="1:25" s="833" customFormat="1" ht="15" customHeight="1">
      <c r="A3" s="917"/>
      <c r="B3" s="918" t="s">
        <v>3</v>
      </c>
      <c r="C3" s="919"/>
      <c r="D3" s="920"/>
      <c r="E3" s="921"/>
      <c r="F3" s="921"/>
      <c r="G3" s="921"/>
      <c r="H3" s="921"/>
      <c r="I3" s="921"/>
      <c r="J3" s="921"/>
      <c r="K3" s="921"/>
      <c r="L3" s="921"/>
      <c r="M3" s="921"/>
      <c r="N3" s="921"/>
      <c r="O3" s="921"/>
      <c r="P3" s="921"/>
      <c r="Q3" s="921"/>
      <c r="R3" s="921"/>
      <c r="S3" s="921"/>
      <c r="T3" s="921"/>
      <c r="U3" s="921"/>
      <c r="V3" s="922"/>
      <c r="W3" s="833" t="s">
        <v>51</v>
      </c>
    </row>
    <row r="4" spans="1:25" s="833" customFormat="1" ht="30" customHeight="1">
      <c r="A4" s="917"/>
      <c r="B4" s="923" t="s">
        <v>59</v>
      </c>
      <c r="C4" s="924"/>
      <c r="D4" s="925"/>
      <c r="E4" s="263"/>
      <c r="F4" s="263"/>
      <c r="G4" s="263"/>
      <c r="H4" s="263"/>
      <c r="I4" s="263"/>
      <c r="J4" s="263"/>
      <c r="K4" s="263"/>
      <c r="L4" s="263"/>
      <c r="M4" s="263"/>
      <c r="N4" s="263"/>
      <c r="O4" s="263"/>
      <c r="P4" s="263"/>
      <c r="Q4" s="263"/>
      <c r="R4" s="263"/>
      <c r="S4" s="263"/>
      <c r="T4" s="263"/>
      <c r="U4" s="263"/>
      <c r="V4" s="264"/>
      <c r="X4" s="833" t="s">
        <v>143</v>
      </c>
    </row>
    <row r="5" spans="1:25" s="833" customFormat="1" ht="15" customHeight="1">
      <c r="A5" s="917"/>
      <c r="B5" s="926" t="s">
        <v>5</v>
      </c>
      <c r="C5" s="927"/>
      <c r="D5" s="928"/>
      <c r="E5" s="926" t="s">
        <v>184</v>
      </c>
      <c r="F5" s="927"/>
      <c r="G5" s="927"/>
      <c r="H5" s="929"/>
      <c r="I5" s="929"/>
      <c r="J5" s="929"/>
      <c r="K5" s="930" t="s">
        <v>21</v>
      </c>
      <c r="L5" s="929"/>
      <c r="M5" s="929"/>
      <c r="N5" s="930" t="s">
        <v>30</v>
      </c>
      <c r="O5" s="927"/>
      <c r="P5" s="927"/>
      <c r="Q5" s="927"/>
      <c r="R5" s="927"/>
      <c r="S5" s="927"/>
      <c r="T5" s="927"/>
      <c r="U5" s="927"/>
      <c r="V5" s="931"/>
    </row>
    <row r="6" spans="1:25" s="833" customFormat="1" ht="15" customHeight="1">
      <c r="A6" s="917"/>
      <c r="B6" s="932"/>
      <c r="C6" s="933"/>
      <c r="D6" s="934"/>
      <c r="E6" s="275"/>
      <c r="F6" s="276"/>
      <c r="G6" s="276"/>
      <c r="H6" s="277" t="s">
        <v>64</v>
      </c>
      <c r="I6" s="278" t="s">
        <v>65</v>
      </c>
      <c r="J6" s="276"/>
      <c r="K6" s="276"/>
      <c r="L6" s="276"/>
      <c r="M6" s="276"/>
      <c r="N6" s="276"/>
      <c r="O6" s="277" t="s">
        <v>66</v>
      </c>
      <c r="P6" s="278" t="s">
        <v>67</v>
      </c>
      <c r="Q6" s="276"/>
      <c r="R6" s="276"/>
      <c r="S6" s="276"/>
      <c r="T6" s="276"/>
      <c r="U6" s="276"/>
      <c r="V6" s="279"/>
    </row>
    <row r="7" spans="1:25" s="833" customFormat="1" ht="15" customHeight="1">
      <c r="A7" s="917"/>
      <c r="B7" s="932"/>
      <c r="C7" s="933"/>
      <c r="D7" s="934"/>
      <c r="E7" s="275"/>
      <c r="F7" s="276"/>
      <c r="G7" s="276"/>
      <c r="H7" s="277" t="s">
        <v>68</v>
      </c>
      <c r="I7" s="278" t="s">
        <v>69</v>
      </c>
      <c r="J7" s="276"/>
      <c r="K7" s="276"/>
      <c r="L7" s="276"/>
      <c r="M7" s="276"/>
      <c r="N7" s="276"/>
      <c r="O7" s="277" t="s">
        <v>70</v>
      </c>
      <c r="P7" s="278" t="s">
        <v>71</v>
      </c>
      <c r="Q7" s="276"/>
      <c r="R7" s="276"/>
      <c r="S7" s="276"/>
      <c r="T7" s="276"/>
      <c r="U7" s="276"/>
      <c r="V7" s="279"/>
    </row>
    <row r="8" spans="1:25" s="833" customFormat="1" ht="18.95" customHeight="1">
      <c r="A8" s="917"/>
      <c r="B8" s="935"/>
      <c r="C8" s="936"/>
      <c r="D8" s="937"/>
      <c r="E8" s="938"/>
      <c r="F8" s="938"/>
      <c r="G8" s="938"/>
      <c r="H8" s="938"/>
      <c r="I8" s="938"/>
      <c r="J8" s="938"/>
      <c r="K8" s="938"/>
      <c r="L8" s="938"/>
      <c r="M8" s="938"/>
      <c r="N8" s="938"/>
      <c r="O8" s="938"/>
      <c r="P8" s="938"/>
      <c r="Q8" s="938"/>
      <c r="R8" s="938"/>
      <c r="S8" s="938"/>
      <c r="T8" s="938"/>
      <c r="U8" s="938"/>
      <c r="V8" s="939"/>
      <c r="X8" s="833" t="s">
        <v>143</v>
      </c>
      <c r="Y8" s="833" t="s">
        <v>51</v>
      </c>
    </row>
    <row r="9" spans="1:25" s="833" customFormat="1" ht="15" customHeight="1">
      <c r="A9" s="917"/>
      <c r="B9" s="940" t="s">
        <v>13</v>
      </c>
      <c r="C9" s="941"/>
      <c r="D9" s="942"/>
      <c r="E9" s="284" t="s">
        <v>72</v>
      </c>
      <c r="F9" s="285"/>
      <c r="G9" s="286"/>
      <c r="H9" s="287"/>
      <c r="I9" s="287"/>
      <c r="J9" s="287"/>
      <c r="K9" s="288" t="s">
        <v>15</v>
      </c>
      <c r="L9" s="288"/>
      <c r="M9" s="289"/>
      <c r="N9" s="290"/>
      <c r="O9" s="291" t="s">
        <v>73</v>
      </c>
      <c r="P9" s="260"/>
      <c r="Q9" s="286"/>
      <c r="R9" s="287"/>
      <c r="S9" s="287"/>
      <c r="T9" s="287"/>
      <c r="U9" s="287"/>
      <c r="V9" s="292"/>
    </row>
    <row r="10" spans="1:25" s="833" customFormat="1" ht="15" customHeight="1">
      <c r="A10" s="943"/>
      <c r="B10" s="935"/>
      <c r="C10" s="936"/>
      <c r="D10" s="937"/>
      <c r="E10" s="295" t="s">
        <v>17</v>
      </c>
      <c r="F10" s="296"/>
      <c r="G10" s="286"/>
      <c r="H10" s="287"/>
      <c r="I10" s="287"/>
      <c r="J10" s="287"/>
      <c r="K10" s="287"/>
      <c r="L10" s="287"/>
      <c r="M10" s="287"/>
      <c r="N10" s="287"/>
      <c r="O10" s="287"/>
      <c r="P10" s="287"/>
      <c r="Q10" s="287"/>
      <c r="R10" s="287"/>
      <c r="S10" s="287"/>
      <c r="T10" s="287"/>
      <c r="U10" s="287"/>
      <c r="V10" s="292"/>
    </row>
    <row r="11" spans="1:25" ht="17.45" customHeight="1">
      <c r="A11" s="739" t="s">
        <v>185</v>
      </c>
      <c r="B11" s="282"/>
      <c r="C11" s="282"/>
      <c r="D11" s="283"/>
      <c r="E11" s="273"/>
      <c r="F11" s="273"/>
      <c r="G11" s="273"/>
      <c r="H11" s="273"/>
      <c r="I11" s="273"/>
      <c r="J11" s="273"/>
      <c r="K11" s="273"/>
      <c r="L11" s="273"/>
      <c r="M11" s="273"/>
      <c r="N11" s="282"/>
      <c r="O11" s="282"/>
      <c r="P11" s="282"/>
      <c r="Q11" s="282"/>
      <c r="R11" s="282"/>
      <c r="S11" s="282"/>
      <c r="T11" s="282"/>
      <c r="U11" s="282"/>
      <c r="V11" s="944"/>
    </row>
    <row r="12" spans="1:25" s="833" customFormat="1" ht="15" customHeight="1">
      <c r="A12" s="945" t="s">
        <v>18</v>
      </c>
      <c r="B12" s="923" t="s">
        <v>3</v>
      </c>
      <c r="C12" s="924"/>
      <c r="D12" s="924"/>
      <c r="E12" s="946"/>
      <c r="F12" s="947"/>
      <c r="G12" s="947"/>
      <c r="H12" s="947"/>
      <c r="I12" s="947"/>
      <c r="J12" s="947"/>
      <c r="K12" s="940" t="s">
        <v>74</v>
      </c>
      <c r="L12" s="942"/>
      <c r="M12" s="948" t="s">
        <v>61</v>
      </c>
      <c r="N12" s="743"/>
      <c r="O12" s="949"/>
      <c r="P12" s="949"/>
      <c r="Q12" s="950" t="s">
        <v>21</v>
      </c>
      <c r="R12" s="951"/>
      <c r="S12" s="951"/>
      <c r="T12" s="952" t="s">
        <v>176</v>
      </c>
      <c r="V12" s="953"/>
    </row>
    <row r="13" spans="1:25" s="833" customFormat="1" ht="15" customHeight="1">
      <c r="A13" s="954"/>
      <c r="B13" s="923" t="s">
        <v>76</v>
      </c>
      <c r="C13" s="924"/>
      <c r="D13" s="955"/>
      <c r="E13" s="946"/>
      <c r="F13" s="947"/>
      <c r="G13" s="947"/>
      <c r="H13" s="947"/>
      <c r="I13" s="947"/>
      <c r="J13" s="947"/>
      <c r="K13" s="932"/>
      <c r="L13" s="934"/>
      <c r="M13" s="956"/>
      <c r="N13" s="938"/>
      <c r="O13" s="938"/>
      <c r="P13" s="938"/>
      <c r="Q13" s="938"/>
      <c r="R13" s="938"/>
      <c r="S13" s="938"/>
      <c r="T13" s="938"/>
      <c r="U13" s="938"/>
      <c r="V13" s="939"/>
    </row>
    <row r="14" spans="1:25" s="833" customFormat="1" ht="15" customHeight="1">
      <c r="A14" s="954"/>
      <c r="B14" s="957" t="s">
        <v>23</v>
      </c>
      <c r="C14" s="927"/>
      <c r="D14" s="958"/>
      <c r="E14" s="959"/>
      <c r="F14" s="960"/>
      <c r="G14" s="960"/>
      <c r="H14" s="960"/>
      <c r="I14" s="960"/>
      <c r="J14" s="960"/>
      <c r="K14" s="932"/>
      <c r="L14" s="934"/>
      <c r="M14" s="956"/>
      <c r="N14" s="938"/>
      <c r="O14" s="938"/>
      <c r="P14" s="938"/>
      <c r="Q14" s="938"/>
      <c r="R14" s="938"/>
      <c r="S14" s="938"/>
      <c r="T14" s="938"/>
      <c r="U14" s="938"/>
      <c r="V14" s="939"/>
    </row>
    <row r="15" spans="1:25" s="833" customFormat="1" ht="27" customHeight="1">
      <c r="A15" s="917"/>
      <c r="B15" s="506" t="s">
        <v>161</v>
      </c>
      <c r="C15" s="507"/>
      <c r="D15" s="507"/>
      <c r="E15" s="507"/>
      <c r="F15" s="508"/>
      <c r="G15" s="506"/>
      <c r="H15" s="507"/>
      <c r="I15" s="507"/>
      <c r="J15" s="507"/>
      <c r="K15" s="507"/>
      <c r="L15" s="507"/>
      <c r="M15" s="507"/>
      <c r="N15" s="507"/>
      <c r="O15" s="507"/>
      <c r="P15" s="507"/>
      <c r="Q15" s="507"/>
      <c r="R15" s="507"/>
      <c r="S15" s="507"/>
      <c r="T15" s="507"/>
      <c r="U15" s="507"/>
      <c r="V15" s="961"/>
    </row>
    <row r="16" spans="1:25" s="833" customFormat="1" ht="38.25" customHeight="1">
      <c r="A16" s="917"/>
      <c r="B16" s="962" t="s">
        <v>102</v>
      </c>
      <c r="C16" s="758"/>
      <c r="D16" s="963"/>
      <c r="E16" s="964" t="s">
        <v>103</v>
      </c>
      <c r="F16" s="965"/>
      <c r="G16" s="964"/>
      <c r="H16" s="966"/>
      <c r="I16" s="966"/>
      <c r="J16" s="966"/>
      <c r="K16" s="966"/>
      <c r="L16" s="966"/>
      <c r="M16" s="966"/>
      <c r="N16" s="966"/>
      <c r="O16" s="966"/>
      <c r="P16" s="966"/>
      <c r="Q16" s="966"/>
      <c r="R16" s="966"/>
      <c r="S16" s="965"/>
      <c r="T16" s="967" t="s">
        <v>186</v>
      </c>
      <c r="U16" s="968"/>
      <c r="V16" s="969"/>
    </row>
    <row r="17" spans="1:34" s="833" customFormat="1" ht="30.75" customHeight="1">
      <c r="A17" s="917"/>
      <c r="B17" s="970"/>
      <c r="C17" s="766"/>
      <c r="D17" s="971"/>
      <c r="E17" s="972" t="s">
        <v>27</v>
      </c>
      <c r="F17" s="973"/>
      <c r="G17" s="974"/>
      <c r="H17" s="975"/>
      <c r="I17" s="975"/>
      <c r="J17" s="975"/>
      <c r="K17" s="975"/>
      <c r="L17" s="975"/>
      <c r="M17" s="975"/>
      <c r="N17" s="975"/>
      <c r="O17" s="975"/>
      <c r="P17" s="975"/>
      <c r="Q17" s="975"/>
      <c r="R17" s="975"/>
      <c r="S17" s="975"/>
      <c r="T17" s="975"/>
      <c r="U17" s="975"/>
      <c r="V17" s="976"/>
    </row>
    <row r="18" spans="1:34" s="833" customFormat="1" ht="29.25" customHeight="1">
      <c r="A18" s="917"/>
      <c r="B18" s="977"/>
      <c r="C18" s="773"/>
      <c r="D18" s="978"/>
      <c r="E18" s="979"/>
      <c r="F18" s="980"/>
      <c r="G18" s="981"/>
      <c r="H18" s="982"/>
      <c r="I18" s="982"/>
      <c r="J18" s="982"/>
      <c r="K18" s="982"/>
      <c r="L18" s="982"/>
      <c r="M18" s="982"/>
      <c r="N18" s="982"/>
      <c r="O18" s="982"/>
      <c r="P18" s="982"/>
      <c r="Q18" s="982"/>
      <c r="R18" s="982"/>
      <c r="S18" s="982"/>
      <c r="T18" s="982"/>
      <c r="U18" s="982"/>
      <c r="V18" s="983"/>
    </row>
    <row r="19" spans="1:34" ht="15" customHeight="1">
      <c r="A19" s="337" t="s">
        <v>187</v>
      </c>
      <c r="B19" s="779"/>
      <c r="C19" s="779"/>
      <c r="D19" s="779"/>
      <c r="E19" s="779"/>
      <c r="F19" s="779"/>
      <c r="G19" s="779"/>
      <c r="H19" s="779"/>
      <c r="I19" s="779"/>
      <c r="J19" s="779"/>
      <c r="K19" s="779"/>
      <c r="L19" s="779"/>
      <c r="M19" s="779"/>
      <c r="N19" s="779"/>
      <c r="O19" s="779"/>
      <c r="P19" s="779"/>
      <c r="Q19" s="779"/>
      <c r="R19" s="779"/>
      <c r="S19" s="779"/>
      <c r="T19" s="779"/>
      <c r="U19" s="779"/>
      <c r="V19" s="780"/>
    </row>
    <row r="20" spans="1:34" ht="15" customHeight="1">
      <c r="A20" s="984" t="s">
        <v>188</v>
      </c>
      <c r="B20" s="796"/>
      <c r="C20" s="796"/>
      <c r="D20" s="796"/>
      <c r="E20" s="796"/>
      <c r="F20" s="796"/>
      <c r="G20" s="796"/>
      <c r="H20" s="796"/>
      <c r="I20" s="796"/>
      <c r="J20" s="796"/>
      <c r="K20" s="796"/>
      <c r="L20" s="797"/>
      <c r="M20" s="985"/>
      <c r="N20" s="986"/>
      <c r="O20" s="986"/>
      <c r="P20" s="987"/>
      <c r="Q20" s="987"/>
      <c r="R20" s="987"/>
      <c r="S20" s="987"/>
      <c r="T20" s="987"/>
      <c r="U20" s="987"/>
      <c r="V20" s="988" t="s">
        <v>189</v>
      </c>
    </row>
    <row r="21" spans="1:34" ht="15" customHeight="1">
      <c r="A21" s="337" t="s">
        <v>106</v>
      </c>
      <c r="B21" s="779"/>
      <c r="C21" s="779"/>
      <c r="D21" s="779"/>
      <c r="E21" s="779"/>
      <c r="F21" s="779"/>
      <c r="G21" s="779"/>
      <c r="H21" s="779"/>
      <c r="I21" s="779"/>
      <c r="J21" s="779"/>
      <c r="K21" s="779"/>
      <c r="L21" s="779"/>
      <c r="M21" s="779"/>
      <c r="N21" s="779"/>
      <c r="O21" s="779"/>
      <c r="P21" s="779"/>
      <c r="Q21" s="779"/>
      <c r="R21" s="779"/>
      <c r="S21" s="779"/>
      <c r="T21" s="779"/>
      <c r="U21" s="779"/>
      <c r="V21" s="780"/>
    </row>
    <row r="22" spans="1:34" ht="15" customHeight="1" thickBot="1">
      <c r="A22" s="519" t="s">
        <v>107</v>
      </c>
      <c r="B22" s="520"/>
      <c r="C22" s="520"/>
      <c r="D22" s="520"/>
      <c r="E22" s="520"/>
      <c r="F22" s="520"/>
      <c r="G22" s="520"/>
      <c r="H22" s="521"/>
      <c r="I22" s="781"/>
      <c r="J22" s="782"/>
      <c r="K22" s="783"/>
      <c r="L22" s="989" t="s">
        <v>177</v>
      </c>
      <c r="M22" s="158" t="s">
        <v>109</v>
      </c>
      <c r="N22" s="528"/>
      <c r="O22" s="528"/>
      <c r="P22" s="528"/>
      <c r="Q22" s="528"/>
      <c r="R22" s="528"/>
      <c r="S22" s="159"/>
      <c r="T22" s="781"/>
      <c r="U22" s="782"/>
      <c r="V22" s="785" t="s">
        <v>110</v>
      </c>
    </row>
    <row r="23" spans="1:34" ht="15" customHeight="1">
      <c r="A23" s="786" t="s">
        <v>111</v>
      </c>
      <c r="B23" s="787" t="s">
        <v>32</v>
      </c>
      <c r="C23" s="787"/>
      <c r="D23" s="787"/>
      <c r="E23" s="787"/>
      <c r="F23" s="787"/>
      <c r="G23" s="787"/>
      <c r="H23" s="787"/>
      <c r="I23" s="787"/>
      <c r="J23" s="787"/>
      <c r="K23" s="787"/>
      <c r="L23" s="787"/>
      <c r="M23" s="787"/>
      <c r="N23" s="787"/>
      <c r="O23" s="787"/>
      <c r="P23" s="787"/>
      <c r="Q23" s="787"/>
      <c r="R23" s="787"/>
      <c r="S23" s="787"/>
      <c r="T23" s="787"/>
      <c r="U23" s="787"/>
      <c r="V23" s="788"/>
    </row>
    <row r="24" spans="1:34" ht="15" customHeight="1">
      <c r="A24" s="789"/>
      <c r="B24" s="990" t="s">
        <v>33</v>
      </c>
      <c r="C24" s="991"/>
      <c r="D24" s="991"/>
      <c r="E24" s="991"/>
      <c r="F24" s="992"/>
      <c r="G24" s="993" t="s">
        <v>163</v>
      </c>
      <c r="H24" s="994"/>
      <c r="I24" s="994"/>
      <c r="J24" s="995"/>
      <c r="K24" s="755" t="s">
        <v>164</v>
      </c>
      <c r="L24" s="996"/>
      <c r="M24" s="996"/>
      <c r="N24" s="997"/>
      <c r="O24" s="998" t="s">
        <v>190</v>
      </c>
      <c r="P24" s="999"/>
      <c r="Q24" s="999"/>
      <c r="R24" s="1000"/>
      <c r="S24" s="755" t="s">
        <v>165</v>
      </c>
      <c r="T24" s="996"/>
      <c r="U24" s="996"/>
      <c r="V24" s="1001"/>
    </row>
    <row r="25" spans="1:34" ht="15" customHeight="1">
      <c r="A25" s="789"/>
      <c r="B25" s="1002"/>
      <c r="C25" s="1003"/>
      <c r="D25" s="1003"/>
      <c r="E25" s="1003"/>
      <c r="F25" s="1004"/>
      <c r="G25" s="755" t="s">
        <v>41</v>
      </c>
      <c r="H25" s="997"/>
      <c r="I25" s="755" t="s">
        <v>42</v>
      </c>
      <c r="J25" s="997"/>
      <c r="K25" s="755" t="s">
        <v>41</v>
      </c>
      <c r="L25" s="997"/>
      <c r="M25" s="755" t="s">
        <v>42</v>
      </c>
      <c r="N25" s="997"/>
      <c r="O25" s="755" t="s">
        <v>41</v>
      </c>
      <c r="P25" s="997"/>
      <c r="Q25" s="755" t="s">
        <v>42</v>
      </c>
      <c r="R25" s="997"/>
      <c r="S25" s="755" t="s">
        <v>41</v>
      </c>
      <c r="T25" s="997"/>
      <c r="U25" s="755" t="s">
        <v>42</v>
      </c>
      <c r="V25" s="1001"/>
    </row>
    <row r="26" spans="1:34" ht="15" customHeight="1">
      <c r="A26" s="789"/>
      <c r="B26" s="1005"/>
      <c r="C26" s="755" t="s">
        <v>86</v>
      </c>
      <c r="D26" s="996"/>
      <c r="E26" s="996"/>
      <c r="F26" s="997"/>
      <c r="G26" s="755"/>
      <c r="H26" s="997"/>
      <c r="I26" s="755"/>
      <c r="J26" s="997"/>
      <c r="K26" s="755"/>
      <c r="L26" s="997"/>
      <c r="M26" s="755"/>
      <c r="N26" s="997"/>
      <c r="O26" s="755"/>
      <c r="P26" s="997"/>
      <c r="Q26" s="755"/>
      <c r="R26" s="997"/>
      <c r="S26" s="755"/>
      <c r="T26" s="997"/>
      <c r="U26" s="755"/>
      <c r="V26" s="1001"/>
    </row>
    <row r="27" spans="1:34" ht="15" customHeight="1">
      <c r="A27" s="789"/>
      <c r="B27" s="1006"/>
      <c r="C27" s="1007" t="s">
        <v>46</v>
      </c>
      <c r="D27" s="996"/>
      <c r="E27" s="996"/>
      <c r="F27" s="997"/>
      <c r="G27" s="755"/>
      <c r="H27" s="997"/>
      <c r="I27" s="755"/>
      <c r="J27" s="997"/>
      <c r="K27" s="755"/>
      <c r="L27" s="997"/>
      <c r="M27" s="755"/>
      <c r="N27" s="997"/>
      <c r="O27" s="755"/>
      <c r="P27" s="997"/>
      <c r="Q27" s="755"/>
      <c r="R27" s="997"/>
      <c r="S27" s="755"/>
      <c r="T27" s="997"/>
      <c r="U27" s="755"/>
      <c r="V27" s="1001"/>
    </row>
    <row r="28" spans="1:34" ht="15" customHeight="1">
      <c r="A28" s="789"/>
      <c r="B28" s="1002"/>
      <c r="C28" s="991"/>
      <c r="D28" s="991"/>
      <c r="E28" s="991"/>
      <c r="F28" s="992"/>
      <c r="G28" s="1008" t="s">
        <v>191</v>
      </c>
      <c r="H28" s="1008"/>
      <c r="I28" s="1008"/>
      <c r="J28" s="1008"/>
      <c r="K28" s="57" t="s">
        <v>192</v>
      </c>
      <c r="L28" s="58"/>
      <c r="M28" s="58"/>
      <c r="N28" s="59"/>
      <c r="O28" s="57" t="s">
        <v>193</v>
      </c>
      <c r="P28" s="58"/>
      <c r="Q28" s="58"/>
      <c r="R28" s="59"/>
      <c r="S28" s="57" t="s">
        <v>194</v>
      </c>
      <c r="T28" s="58"/>
      <c r="U28" s="58"/>
      <c r="V28" s="59"/>
    </row>
    <row r="29" spans="1:34" ht="15" customHeight="1">
      <c r="A29" s="789"/>
      <c r="B29" s="1002"/>
      <c r="C29" s="1003"/>
      <c r="D29" s="1003"/>
      <c r="E29" s="1003"/>
      <c r="F29" s="1004"/>
      <c r="G29" s="1009" t="s">
        <v>44</v>
      </c>
      <c r="H29" s="1009"/>
      <c r="I29" s="57" t="s">
        <v>43</v>
      </c>
      <c r="J29" s="58"/>
      <c r="K29" s="755" t="s">
        <v>41</v>
      </c>
      <c r="L29" s="997"/>
      <c r="M29" s="755" t="s">
        <v>42</v>
      </c>
      <c r="N29" s="997"/>
      <c r="O29" s="755" t="s">
        <v>41</v>
      </c>
      <c r="P29" s="997"/>
      <c r="Q29" s="755" t="s">
        <v>42</v>
      </c>
      <c r="R29" s="997"/>
      <c r="S29" s="755" t="s">
        <v>41</v>
      </c>
      <c r="T29" s="997"/>
      <c r="U29" s="755" t="s">
        <v>42</v>
      </c>
      <c r="V29" s="1001"/>
    </row>
    <row r="30" spans="1:34" ht="15" customHeight="1">
      <c r="A30" s="789"/>
      <c r="B30" s="1005"/>
      <c r="C30" s="755" t="s">
        <v>86</v>
      </c>
      <c r="D30" s="996"/>
      <c r="E30" s="996"/>
      <c r="F30" s="997"/>
      <c r="G30" s="1009"/>
      <c r="H30" s="1009"/>
      <c r="I30" s="57"/>
      <c r="J30" s="58"/>
      <c r="K30" s="755"/>
      <c r="L30" s="997"/>
      <c r="M30" s="755"/>
      <c r="N30" s="997"/>
      <c r="O30" s="755"/>
      <c r="P30" s="997"/>
      <c r="Q30" s="755"/>
      <c r="R30" s="997"/>
      <c r="S30" s="755"/>
      <c r="T30" s="997"/>
      <c r="U30" s="755"/>
      <c r="V30" s="1001"/>
    </row>
    <row r="31" spans="1:34" ht="15" customHeight="1">
      <c r="A31" s="789"/>
      <c r="B31" s="1010"/>
      <c r="C31" s="1007" t="s">
        <v>46</v>
      </c>
      <c r="D31" s="996"/>
      <c r="E31" s="996"/>
      <c r="F31" s="997"/>
      <c r="G31" s="1009"/>
      <c r="H31" s="1009"/>
      <c r="I31" s="57"/>
      <c r="J31" s="58"/>
      <c r="K31" s="755"/>
      <c r="L31" s="997"/>
      <c r="M31" s="755"/>
      <c r="N31" s="997"/>
      <c r="O31" s="755"/>
      <c r="P31" s="997"/>
      <c r="Q31" s="755"/>
      <c r="R31" s="997"/>
      <c r="S31" s="755"/>
      <c r="T31" s="997"/>
      <c r="U31" s="755"/>
      <c r="V31" s="1001"/>
    </row>
    <row r="32" spans="1:34" s="386" customFormat="1" ht="15" customHeight="1">
      <c r="A32" s="789"/>
      <c r="B32" s="805" t="s">
        <v>166</v>
      </c>
      <c r="C32" s="805"/>
      <c r="D32" s="805"/>
      <c r="E32" s="805"/>
      <c r="F32" s="805"/>
      <c r="G32" s="805"/>
      <c r="H32" s="805"/>
      <c r="I32" s="805"/>
      <c r="J32" s="805"/>
      <c r="K32" s="805"/>
      <c r="L32" s="805"/>
      <c r="M32" s="805"/>
      <c r="N32" s="805"/>
      <c r="O32" s="805"/>
      <c r="P32" s="805"/>
      <c r="Q32" s="805"/>
      <c r="R32" s="805"/>
      <c r="S32" s="805"/>
      <c r="T32" s="805"/>
      <c r="U32" s="805"/>
      <c r="V32" s="806"/>
      <c r="W32" s="306"/>
      <c r="X32" s="306"/>
      <c r="Y32" s="306"/>
      <c r="Z32" s="306"/>
      <c r="AA32" s="306"/>
      <c r="AB32" s="306"/>
      <c r="AC32" s="306"/>
      <c r="AD32" s="306"/>
      <c r="AE32" s="306"/>
      <c r="AF32" s="306"/>
      <c r="AG32" s="306"/>
      <c r="AH32" s="306"/>
    </row>
    <row r="33" spans="1:34" s="386" customFormat="1" ht="16.350000000000001" customHeight="1">
      <c r="A33" s="789"/>
      <c r="B33" s="807" t="s">
        <v>167</v>
      </c>
      <c r="C33" s="807"/>
      <c r="D33" s="807"/>
      <c r="E33" s="807"/>
      <c r="F33" s="808"/>
      <c r="G33" s="552" t="s">
        <v>120</v>
      </c>
      <c r="H33" s="809"/>
      <c r="I33" s="810" t="s">
        <v>121</v>
      </c>
      <c r="J33" s="809"/>
      <c r="K33" s="810" t="s">
        <v>122</v>
      </c>
      <c r="L33" s="809"/>
      <c r="M33" s="810" t="s">
        <v>123</v>
      </c>
      <c r="N33" s="809"/>
      <c r="O33" s="810" t="s">
        <v>124</v>
      </c>
      <c r="P33" s="809"/>
      <c r="Q33" s="810" t="s">
        <v>125</v>
      </c>
      <c r="R33" s="809"/>
      <c r="S33" s="810" t="s">
        <v>126</v>
      </c>
      <c r="T33" s="809"/>
      <c r="U33" s="810" t="s">
        <v>127</v>
      </c>
      <c r="V33" s="811"/>
      <c r="W33" s="306"/>
      <c r="X33" s="306"/>
      <c r="Y33" s="306"/>
      <c r="Z33" s="306"/>
      <c r="AA33" s="306"/>
      <c r="AB33" s="306"/>
      <c r="AC33" s="306"/>
      <c r="AD33" s="306"/>
      <c r="AE33" s="306"/>
      <c r="AF33" s="306"/>
      <c r="AG33" s="306"/>
      <c r="AH33" s="306"/>
    </row>
    <row r="34" spans="1:34" s="386" customFormat="1" ht="15.6" customHeight="1">
      <c r="A34" s="789"/>
      <c r="B34" s="812"/>
      <c r="C34" s="812"/>
      <c r="D34" s="812"/>
      <c r="E34" s="812"/>
      <c r="F34" s="813"/>
      <c r="G34" s="810"/>
      <c r="H34" s="809"/>
      <c r="I34" s="810"/>
      <c r="J34" s="809"/>
      <c r="K34" s="810"/>
      <c r="L34" s="809"/>
      <c r="M34" s="810"/>
      <c r="N34" s="809"/>
      <c r="O34" s="810"/>
      <c r="P34" s="809"/>
      <c r="Q34" s="810"/>
      <c r="R34" s="809"/>
      <c r="S34" s="810"/>
      <c r="T34" s="809"/>
      <c r="U34" s="810"/>
      <c r="V34" s="811"/>
      <c r="W34" s="306"/>
      <c r="X34" s="306"/>
      <c r="Y34" s="306"/>
      <c r="Z34" s="306"/>
      <c r="AA34" s="306"/>
      <c r="AB34" s="306"/>
      <c r="AC34" s="306"/>
      <c r="AD34" s="306"/>
      <c r="AE34" s="306"/>
      <c r="AF34" s="306"/>
      <c r="AG34" s="306"/>
      <c r="AH34" s="306"/>
    </row>
    <row r="35" spans="1:34" s="386" customFormat="1" ht="15.6" customHeight="1">
      <c r="A35" s="789"/>
      <c r="B35" s="814"/>
      <c r="C35" s="814"/>
      <c r="D35" s="814"/>
      <c r="E35" s="814"/>
      <c r="F35" s="815"/>
      <c r="G35" s="810" t="s">
        <v>128</v>
      </c>
      <c r="H35" s="552"/>
      <c r="I35" s="552"/>
      <c r="J35" s="552"/>
      <c r="K35" s="552"/>
      <c r="L35" s="809"/>
      <c r="M35" s="816"/>
      <c r="N35" s="817"/>
      <c r="O35" s="817"/>
      <c r="P35" s="817"/>
      <c r="Q35" s="817"/>
      <c r="R35" s="817"/>
      <c r="S35" s="817"/>
      <c r="T35" s="817"/>
      <c r="U35" s="817"/>
      <c r="V35" s="818"/>
      <c r="W35" s="306"/>
      <c r="X35" s="306"/>
      <c r="Y35" s="306"/>
      <c r="Z35" s="306"/>
      <c r="AA35" s="306"/>
      <c r="AB35" s="306"/>
      <c r="AC35" s="306"/>
      <c r="AD35" s="306"/>
      <c r="AE35" s="306"/>
      <c r="AF35" s="306"/>
      <c r="AG35" s="306"/>
      <c r="AH35" s="306"/>
    </row>
    <row r="36" spans="1:34" s="386" customFormat="1" ht="15.95" customHeight="1">
      <c r="A36" s="789"/>
      <c r="B36" s="819" t="s">
        <v>168</v>
      </c>
      <c r="C36" s="820"/>
      <c r="D36" s="820"/>
      <c r="E36" s="820"/>
      <c r="F36" s="32"/>
      <c r="G36" s="31"/>
      <c r="H36" s="820"/>
      <c r="I36" s="820" t="s">
        <v>130</v>
      </c>
      <c r="J36" s="820"/>
      <c r="K36" s="474"/>
      <c r="L36" s="474"/>
      <c r="M36" s="820" t="s">
        <v>169</v>
      </c>
      <c r="N36" s="820"/>
      <c r="O36" s="820"/>
      <c r="P36" s="820"/>
      <c r="Q36" s="820" t="s">
        <v>130</v>
      </c>
      <c r="R36" s="820"/>
      <c r="S36" s="34"/>
      <c r="T36" s="34"/>
      <c r="U36" s="34"/>
      <c r="V36" s="38"/>
      <c r="W36" s="306"/>
      <c r="X36" s="306"/>
      <c r="Y36" s="306"/>
      <c r="Z36" s="306"/>
      <c r="AA36" s="306"/>
      <c r="AB36" s="306"/>
      <c r="AC36" s="306"/>
      <c r="AD36" s="306"/>
      <c r="AE36" s="306"/>
      <c r="AF36" s="306"/>
      <c r="AG36" s="306"/>
      <c r="AH36" s="306"/>
    </row>
    <row r="37" spans="1:34" s="386" customFormat="1" ht="15.95" customHeight="1">
      <c r="A37" s="789"/>
      <c r="B37" s="821"/>
      <c r="C37" s="565" t="s">
        <v>132</v>
      </c>
      <c r="D37" s="566"/>
      <c r="E37" s="31" t="s">
        <v>170</v>
      </c>
      <c r="F37" s="32"/>
      <c r="G37" s="31"/>
      <c r="H37" s="820"/>
      <c r="I37" s="820" t="s">
        <v>130</v>
      </c>
      <c r="J37" s="820"/>
      <c r="K37" s="474"/>
      <c r="L37" s="474"/>
      <c r="M37" s="820" t="s">
        <v>169</v>
      </c>
      <c r="N37" s="820"/>
      <c r="O37" s="820"/>
      <c r="P37" s="820"/>
      <c r="Q37" s="820" t="s">
        <v>130</v>
      </c>
      <c r="R37" s="820"/>
      <c r="S37" s="34"/>
      <c r="T37" s="34"/>
      <c r="U37" s="34"/>
      <c r="V37" s="38"/>
      <c r="W37" s="306"/>
      <c r="X37" s="306"/>
      <c r="Y37" s="306"/>
      <c r="Z37" s="306"/>
      <c r="AA37" s="306"/>
      <c r="AB37" s="306"/>
      <c r="AC37" s="306"/>
      <c r="AD37" s="306"/>
      <c r="AE37" s="306"/>
      <c r="AF37" s="306"/>
      <c r="AG37" s="306"/>
      <c r="AH37" s="306"/>
    </row>
    <row r="38" spans="1:34" s="386" customFormat="1" ht="15.95" customHeight="1">
      <c r="A38" s="789"/>
      <c r="B38" s="822"/>
      <c r="C38" s="536"/>
      <c r="D38" s="492"/>
      <c r="E38" s="31" t="s">
        <v>134</v>
      </c>
      <c r="F38" s="32"/>
      <c r="G38" s="31"/>
      <c r="H38" s="820"/>
      <c r="I38" s="820" t="s">
        <v>130</v>
      </c>
      <c r="J38" s="820"/>
      <c r="K38" s="474"/>
      <c r="L38" s="474"/>
      <c r="M38" s="820" t="s">
        <v>169</v>
      </c>
      <c r="N38" s="820"/>
      <c r="O38" s="820"/>
      <c r="P38" s="820"/>
      <c r="Q38" s="820" t="s">
        <v>130</v>
      </c>
      <c r="R38" s="820"/>
      <c r="S38" s="34"/>
      <c r="T38" s="34"/>
      <c r="U38" s="34"/>
      <c r="V38" s="38"/>
      <c r="W38" s="306"/>
      <c r="X38" s="306"/>
      <c r="Y38" s="306"/>
      <c r="Z38" s="306"/>
      <c r="AA38" s="306"/>
      <c r="AB38" s="306"/>
      <c r="AC38" s="306"/>
      <c r="AD38" s="306"/>
      <c r="AE38" s="306"/>
      <c r="AF38" s="306"/>
      <c r="AG38" s="306"/>
      <c r="AH38" s="306"/>
    </row>
    <row r="39" spans="1:34" s="386" customFormat="1" ht="15.95" customHeight="1">
      <c r="A39" s="789"/>
      <c r="B39" s="823"/>
      <c r="C39" s="548"/>
      <c r="D39" s="569"/>
      <c r="E39" s="31" t="s">
        <v>135</v>
      </c>
      <c r="F39" s="32"/>
      <c r="G39" s="31"/>
      <c r="H39" s="820"/>
      <c r="I39" s="820" t="s">
        <v>130</v>
      </c>
      <c r="J39" s="820"/>
      <c r="K39" s="474"/>
      <c r="L39" s="474"/>
      <c r="M39" s="820" t="s">
        <v>169</v>
      </c>
      <c r="N39" s="820"/>
      <c r="O39" s="820"/>
      <c r="P39" s="820"/>
      <c r="Q39" s="820" t="s">
        <v>130</v>
      </c>
      <c r="R39" s="820"/>
      <c r="S39" s="34"/>
      <c r="T39" s="34"/>
      <c r="U39" s="34"/>
      <c r="V39" s="38"/>
      <c r="W39" s="306"/>
      <c r="X39" s="306"/>
      <c r="Y39" s="306"/>
      <c r="Z39" s="306"/>
      <c r="AA39" s="306"/>
      <c r="AB39" s="306"/>
      <c r="AC39" s="306"/>
      <c r="AD39" s="306"/>
      <c r="AE39" s="306"/>
      <c r="AF39" s="306"/>
      <c r="AG39" s="306"/>
      <c r="AH39" s="306"/>
    </row>
    <row r="40" spans="1:34" s="386" customFormat="1" ht="16.350000000000001" customHeight="1">
      <c r="A40" s="789"/>
      <c r="B40" s="608" t="s">
        <v>136</v>
      </c>
      <c r="C40" s="608"/>
      <c r="D40" s="608"/>
      <c r="E40" s="608"/>
      <c r="F40" s="566"/>
      <c r="G40" s="31"/>
      <c r="H40" s="820"/>
      <c r="I40" s="820" t="s">
        <v>130</v>
      </c>
      <c r="J40" s="820"/>
      <c r="K40" s="474"/>
      <c r="L40" s="474"/>
      <c r="M40" s="820" t="s">
        <v>169</v>
      </c>
      <c r="N40" s="820"/>
      <c r="O40" s="820"/>
      <c r="P40" s="820"/>
      <c r="Q40" s="820" t="s">
        <v>130</v>
      </c>
      <c r="R40" s="820"/>
      <c r="S40" s="34"/>
      <c r="T40" s="34"/>
      <c r="U40" s="34"/>
      <c r="V40" s="38"/>
      <c r="W40" s="306"/>
      <c r="X40" s="306"/>
      <c r="Y40" s="306"/>
      <c r="Z40" s="306"/>
      <c r="AA40" s="306"/>
      <c r="AB40" s="306"/>
      <c r="AC40" s="306"/>
      <c r="AD40" s="306"/>
      <c r="AE40" s="306"/>
      <c r="AF40" s="306"/>
      <c r="AG40" s="306"/>
      <c r="AH40" s="306"/>
    </row>
    <row r="41" spans="1:34" s="386" customFormat="1" ht="16.350000000000001" customHeight="1" thickBot="1">
      <c r="A41" s="789"/>
      <c r="B41" s="824" t="s">
        <v>137</v>
      </c>
      <c r="C41" s="528"/>
      <c r="D41" s="528"/>
      <c r="E41" s="528"/>
      <c r="F41" s="159"/>
      <c r="G41" s="576"/>
      <c r="H41" s="577"/>
      <c r="I41" s="577"/>
      <c r="J41" s="577"/>
      <c r="K41" s="579"/>
      <c r="L41" s="578" t="s">
        <v>189</v>
      </c>
      <c r="M41" s="528"/>
      <c r="N41" s="528"/>
      <c r="O41" s="581"/>
      <c r="P41" s="582"/>
      <c r="Q41" s="582"/>
      <c r="R41" s="825"/>
      <c r="S41" s="825"/>
      <c r="T41" s="585"/>
      <c r="U41" s="825"/>
      <c r="V41" s="583"/>
      <c r="W41" s="306"/>
      <c r="X41" s="306"/>
      <c r="Y41" s="306"/>
      <c r="Z41" s="306"/>
      <c r="AA41" s="306"/>
      <c r="AB41" s="306"/>
      <c r="AC41" s="306"/>
      <c r="AD41" s="306"/>
      <c r="AE41" s="306"/>
      <c r="AF41" s="306"/>
      <c r="AG41" s="306"/>
      <c r="AH41" s="306"/>
    </row>
    <row r="42" spans="1:34" ht="15" customHeight="1">
      <c r="A42" s="786" t="s">
        <v>139</v>
      </c>
      <c r="B42" s="787" t="s">
        <v>32</v>
      </c>
      <c r="C42" s="787"/>
      <c r="D42" s="787"/>
      <c r="E42" s="787"/>
      <c r="F42" s="787"/>
      <c r="G42" s="787"/>
      <c r="H42" s="787"/>
      <c r="I42" s="787"/>
      <c r="J42" s="787"/>
      <c r="K42" s="787"/>
      <c r="L42" s="787"/>
      <c r="M42" s="787"/>
      <c r="N42" s="787"/>
      <c r="O42" s="787"/>
      <c r="P42" s="787"/>
      <c r="Q42" s="787"/>
      <c r="R42" s="787"/>
      <c r="S42" s="787"/>
      <c r="T42" s="787"/>
      <c r="U42" s="787"/>
      <c r="V42" s="788"/>
    </row>
    <row r="43" spans="1:34" ht="15" customHeight="1">
      <c r="A43" s="789"/>
      <c r="B43" s="990" t="s">
        <v>33</v>
      </c>
      <c r="C43" s="991"/>
      <c r="D43" s="991"/>
      <c r="E43" s="991"/>
      <c r="F43" s="992"/>
      <c r="G43" s="993" t="s">
        <v>163</v>
      </c>
      <c r="H43" s="994"/>
      <c r="I43" s="994"/>
      <c r="J43" s="995"/>
      <c r="K43" s="755" t="s">
        <v>164</v>
      </c>
      <c r="L43" s="996"/>
      <c r="M43" s="996"/>
      <c r="N43" s="997"/>
      <c r="O43" s="998" t="s">
        <v>190</v>
      </c>
      <c r="P43" s="999"/>
      <c r="Q43" s="999"/>
      <c r="R43" s="1000"/>
      <c r="S43" s="755" t="s">
        <v>165</v>
      </c>
      <c r="T43" s="996"/>
      <c r="U43" s="996"/>
      <c r="V43" s="1001"/>
    </row>
    <row r="44" spans="1:34" ht="15" customHeight="1">
      <c r="A44" s="789"/>
      <c r="B44" s="1002"/>
      <c r="C44" s="1003"/>
      <c r="D44" s="1003"/>
      <c r="E44" s="1003"/>
      <c r="F44" s="1004"/>
      <c r="G44" s="755" t="s">
        <v>41</v>
      </c>
      <c r="H44" s="997"/>
      <c r="I44" s="755" t="s">
        <v>42</v>
      </c>
      <c r="J44" s="997"/>
      <c r="K44" s="755" t="s">
        <v>41</v>
      </c>
      <c r="L44" s="997"/>
      <c r="M44" s="755" t="s">
        <v>42</v>
      </c>
      <c r="N44" s="997"/>
      <c r="O44" s="755" t="s">
        <v>41</v>
      </c>
      <c r="P44" s="997"/>
      <c r="Q44" s="755" t="s">
        <v>42</v>
      </c>
      <c r="R44" s="997"/>
      <c r="S44" s="755" t="s">
        <v>41</v>
      </c>
      <c r="T44" s="997"/>
      <c r="U44" s="755" t="s">
        <v>42</v>
      </c>
      <c r="V44" s="1001"/>
    </row>
    <row r="45" spans="1:34" ht="15" customHeight="1">
      <c r="A45" s="789"/>
      <c r="B45" s="1005"/>
      <c r="C45" s="755" t="s">
        <v>86</v>
      </c>
      <c r="D45" s="996"/>
      <c r="E45" s="996"/>
      <c r="F45" s="997"/>
      <c r="G45" s="755"/>
      <c r="H45" s="997"/>
      <c r="I45" s="755"/>
      <c r="J45" s="997"/>
      <c r="K45" s="755"/>
      <c r="L45" s="997"/>
      <c r="M45" s="755"/>
      <c r="N45" s="997"/>
      <c r="O45" s="755"/>
      <c r="P45" s="997"/>
      <c r="Q45" s="755"/>
      <c r="R45" s="997"/>
      <c r="S45" s="755"/>
      <c r="T45" s="997"/>
      <c r="U45" s="755"/>
      <c r="V45" s="1001"/>
    </row>
    <row r="46" spans="1:34" ht="15" customHeight="1">
      <c r="A46" s="789"/>
      <c r="B46" s="1006"/>
      <c r="C46" s="1007" t="s">
        <v>46</v>
      </c>
      <c r="D46" s="996"/>
      <c r="E46" s="996"/>
      <c r="F46" s="997"/>
      <c r="G46" s="755"/>
      <c r="H46" s="997"/>
      <c r="I46" s="755"/>
      <c r="J46" s="997"/>
      <c r="K46" s="755"/>
      <c r="L46" s="997"/>
      <c r="M46" s="755"/>
      <c r="N46" s="997"/>
      <c r="O46" s="755"/>
      <c r="P46" s="997"/>
      <c r="Q46" s="755"/>
      <c r="R46" s="997"/>
      <c r="S46" s="755"/>
      <c r="T46" s="997"/>
      <c r="U46" s="755"/>
      <c r="V46" s="1001"/>
    </row>
    <row r="47" spans="1:34" ht="15" customHeight="1">
      <c r="A47" s="789"/>
      <c r="B47" s="1002"/>
      <c r="C47" s="991"/>
      <c r="D47" s="991"/>
      <c r="E47" s="991"/>
      <c r="F47" s="992"/>
      <c r="G47" s="1008" t="s">
        <v>191</v>
      </c>
      <c r="H47" s="1008"/>
      <c r="I47" s="1008"/>
      <c r="J47" s="1008"/>
      <c r="K47" s="57" t="s">
        <v>192</v>
      </c>
      <c r="L47" s="58"/>
      <c r="M47" s="58"/>
      <c r="N47" s="59"/>
      <c r="O47" s="57" t="s">
        <v>193</v>
      </c>
      <c r="P47" s="58"/>
      <c r="Q47" s="58"/>
      <c r="R47" s="59"/>
      <c r="S47" s="57" t="s">
        <v>194</v>
      </c>
      <c r="T47" s="58"/>
      <c r="U47" s="58"/>
      <c r="V47" s="59"/>
    </row>
    <row r="48" spans="1:34" ht="15" customHeight="1">
      <c r="A48" s="789"/>
      <c r="B48" s="1002"/>
      <c r="C48" s="1003"/>
      <c r="D48" s="1003"/>
      <c r="E48" s="1003"/>
      <c r="F48" s="1004"/>
      <c r="G48" s="1009" t="s">
        <v>44</v>
      </c>
      <c r="H48" s="1009"/>
      <c r="I48" s="57" t="s">
        <v>43</v>
      </c>
      <c r="J48" s="58"/>
      <c r="K48" s="755" t="s">
        <v>41</v>
      </c>
      <c r="L48" s="997"/>
      <c r="M48" s="755" t="s">
        <v>42</v>
      </c>
      <c r="N48" s="997"/>
      <c r="O48" s="755" t="s">
        <v>41</v>
      </c>
      <c r="P48" s="997"/>
      <c r="Q48" s="755" t="s">
        <v>42</v>
      </c>
      <c r="R48" s="997"/>
      <c r="S48" s="755" t="s">
        <v>41</v>
      </c>
      <c r="T48" s="997"/>
      <c r="U48" s="755" t="s">
        <v>42</v>
      </c>
      <c r="V48" s="1001"/>
    </row>
    <row r="49" spans="1:34" ht="15" customHeight="1">
      <c r="A49" s="789"/>
      <c r="B49" s="1005"/>
      <c r="C49" s="755" t="s">
        <v>86</v>
      </c>
      <c r="D49" s="996"/>
      <c r="E49" s="996"/>
      <c r="F49" s="997"/>
      <c r="G49" s="1009"/>
      <c r="H49" s="1009"/>
      <c r="I49" s="57"/>
      <c r="J49" s="58"/>
      <c r="K49" s="755"/>
      <c r="L49" s="997"/>
      <c r="M49" s="755"/>
      <c r="N49" s="997"/>
      <c r="O49" s="755"/>
      <c r="P49" s="997"/>
      <c r="Q49" s="755"/>
      <c r="R49" s="997"/>
      <c r="S49" s="755"/>
      <c r="T49" s="997"/>
      <c r="U49" s="755"/>
      <c r="V49" s="1001"/>
    </row>
    <row r="50" spans="1:34" ht="15" customHeight="1">
      <c r="A50" s="789"/>
      <c r="B50" s="1010"/>
      <c r="C50" s="1007" t="s">
        <v>46</v>
      </c>
      <c r="D50" s="996"/>
      <c r="E50" s="996"/>
      <c r="F50" s="997"/>
      <c r="G50" s="1009"/>
      <c r="H50" s="1009"/>
      <c r="I50" s="57"/>
      <c r="J50" s="58"/>
      <c r="K50" s="755"/>
      <c r="L50" s="997"/>
      <c r="M50" s="755"/>
      <c r="N50" s="997"/>
      <c r="O50" s="755"/>
      <c r="P50" s="997"/>
      <c r="Q50" s="755"/>
      <c r="R50" s="997"/>
      <c r="S50" s="755"/>
      <c r="T50" s="997"/>
      <c r="U50" s="755"/>
      <c r="V50" s="1001"/>
    </row>
    <row r="51" spans="1:34" s="386" customFormat="1" ht="15" customHeight="1">
      <c r="A51" s="789"/>
      <c r="B51" s="805" t="s">
        <v>166</v>
      </c>
      <c r="C51" s="805"/>
      <c r="D51" s="805"/>
      <c r="E51" s="805"/>
      <c r="F51" s="805"/>
      <c r="G51" s="805"/>
      <c r="H51" s="805"/>
      <c r="I51" s="805"/>
      <c r="J51" s="805"/>
      <c r="K51" s="805"/>
      <c r="L51" s="805"/>
      <c r="M51" s="805"/>
      <c r="N51" s="805"/>
      <c r="O51" s="805"/>
      <c r="P51" s="805"/>
      <c r="Q51" s="805"/>
      <c r="R51" s="805"/>
      <c r="S51" s="805"/>
      <c r="T51" s="805"/>
      <c r="U51" s="805"/>
      <c r="V51" s="806"/>
      <c r="W51" s="306"/>
      <c r="X51" s="306"/>
      <c r="Y51" s="306"/>
      <c r="Z51" s="306"/>
      <c r="AA51" s="306"/>
      <c r="AB51" s="306"/>
      <c r="AC51" s="306"/>
      <c r="AD51" s="306"/>
      <c r="AE51" s="306"/>
      <c r="AF51" s="306"/>
      <c r="AG51" s="306"/>
      <c r="AH51" s="306"/>
    </row>
    <row r="52" spans="1:34" s="386" customFormat="1" ht="16.350000000000001" customHeight="1">
      <c r="A52" s="789"/>
      <c r="B52" s="807" t="s">
        <v>167</v>
      </c>
      <c r="C52" s="807"/>
      <c r="D52" s="807"/>
      <c r="E52" s="807"/>
      <c r="F52" s="808"/>
      <c r="G52" s="552" t="s">
        <v>120</v>
      </c>
      <c r="H52" s="809"/>
      <c r="I52" s="810" t="s">
        <v>121</v>
      </c>
      <c r="J52" s="809"/>
      <c r="K52" s="810" t="s">
        <v>122</v>
      </c>
      <c r="L52" s="809"/>
      <c r="M52" s="810" t="s">
        <v>123</v>
      </c>
      <c r="N52" s="809"/>
      <c r="O52" s="810" t="s">
        <v>124</v>
      </c>
      <c r="P52" s="809"/>
      <c r="Q52" s="810" t="s">
        <v>125</v>
      </c>
      <c r="R52" s="809"/>
      <c r="S52" s="810" t="s">
        <v>126</v>
      </c>
      <c r="T52" s="809"/>
      <c r="U52" s="810" t="s">
        <v>127</v>
      </c>
      <c r="V52" s="811"/>
      <c r="W52" s="306"/>
      <c r="X52" s="306"/>
      <c r="Y52" s="306"/>
      <c r="Z52" s="306"/>
      <c r="AA52" s="306"/>
      <c r="AB52" s="306"/>
      <c r="AC52" s="306"/>
      <c r="AD52" s="306"/>
      <c r="AE52" s="306"/>
      <c r="AF52" s="306"/>
      <c r="AG52" s="306"/>
      <c r="AH52" s="306"/>
    </row>
    <row r="53" spans="1:34" s="386" customFormat="1" ht="15.6" customHeight="1">
      <c r="A53" s="789"/>
      <c r="B53" s="812"/>
      <c r="C53" s="812"/>
      <c r="D53" s="812"/>
      <c r="E53" s="812"/>
      <c r="F53" s="813"/>
      <c r="G53" s="810"/>
      <c r="H53" s="809"/>
      <c r="I53" s="810"/>
      <c r="J53" s="809"/>
      <c r="K53" s="810"/>
      <c r="L53" s="809"/>
      <c r="M53" s="810"/>
      <c r="N53" s="809"/>
      <c r="O53" s="810"/>
      <c r="P53" s="809"/>
      <c r="Q53" s="810"/>
      <c r="R53" s="809"/>
      <c r="S53" s="810"/>
      <c r="T53" s="809"/>
      <c r="U53" s="810"/>
      <c r="V53" s="811"/>
      <c r="W53" s="306"/>
      <c r="X53" s="306"/>
      <c r="Y53" s="306"/>
      <c r="Z53" s="306"/>
      <c r="AA53" s="306"/>
      <c r="AB53" s="306"/>
      <c r="AC53" s="306"/>
      <c r="AD53" s="306"/>
      <c r="AE53" s="306"/>
      <c r="AF53" s="306"/>
      <c r="AG53" s="306"/>
      <c r="AH53" s="306"/>
    </row>
    <row r="54" spans="1:34" s="386" customFormat="1" ht="15.6" customHeight="1">
      <c r="A54" s="789"/>
      <c r="B54" s="814"/>
      <c r="C54" s="814"/>
      <c r="D54" s="814"/>
      <c r="E54" s="814"/>
      <c r="F54" s="815"/>
      <c r="G54" s="810" t="s">
        <v>128</v>
      </c>
      <c r="H54" s="552"/>
      <c r="I54" s="552"/>
      <c r="J54" s="552"/>
      <c r="K54" s="552"/>
      <c r="L54" s="809"/>
      <c r="M54" s="816"/>
      <c r="N54" s="817"/>
      <c r="O54" s="817"/>
      <c r="P54" s="817"/>
      <c r="Q54" s="817"/>
      <c r="R54" s="817"/>
      <c r="S54" s="817"/>
      <c r="T54" s="817"/>
      <c r="U54" s="817"/>
      <c r="V54" s="818"/>
      <c r="W54" s="306"/>
      <c r="X54" s="306"/>
      <c r="Y54" s="306"/>
      <c r="Z54" s="306"/>
      <c r="AA54" s="306"/>
      <c r="AB54" s="306"/>
      <c r="AC54" s="306"/>
      <c r="AD54" s="306"/>
      <c r="AE54" s="306"/>
      <c r="AF54" s="306"/>
      <c r="AG54" s="306"/>
      <c r="AH54" s="306"/>
    </row>
    <row r="55" spans="1:34" s="386" customFormat="1" ht="15.95" customHeight="1">
      <c r="A55" s="789"/>
      <c r="B55" s="819" t="s">
        <v>168</v>
      </c>
      <c r="C55" s="820"/>
      <c r="D55" s="820"/>
      <c r="E55" s="820"/>
      <c r="F55" s="32"/>
      <c r="G55" s="31"/>
      <c r="H55" s="820"/>
      <c r="I55" s="820" t="s">
        <v>130</v>
      </c>
      <c r="J55" s="820"/>
      <c r="K55" s="474"/>
      <c r="L55" s="474"/>
      <c r="M55" s="820" t="s">
        <v>169</v>
      </c>
      <c r="N55" s="820"/>
      <c r="O55" s="820"/>
      <c r="P55" s="820"/>
      <c r="Q55" s="820" t="s">
        <v>130</v>
      </c>
      <c r="R55" s="820"/>
      <c r="S55" s="34"/>
      <c r="T55" s="34"/>
      <c r="U55" s="34"/>
      <c r="V55" s="38"/>
      <c r="W55" s="306"/>
      <c r="X55" s="306"/>
      <c r="Y55" s="306"/>
      <c r="Z55" s="306"/>
      <c r="AA55" s="306"/>
      <c r="AB55" s="306"/>
      <c r="AC55" s="306"/>
      <c r="AD55" s="306"/>
      <c r="AE55" s="306"/>
      <c r="AF55" s="306"/>
      <c r="AG55" s="306"/>
      <c r="AH55" s="306"/>
    </row>
    <row r="56" spans="1:34" s="386" customFormat="1" ht="15.95" customHeight="1">
      <c r="A56" s="789"/>
      <c r="B56" s="821"/>
      <c r="C56" s="565" t="s">
        <v>132</v>
      </c>
      <c r="D56" s="566"/>
      <c r="E56" s="31" t="s">
        <v>170</v>
      </c>
      <c r="F56" s="32"/>
      <c r="G56" s="31"/>
      <c r="H56" s="820"/>
      <c r="I56" s="820" t="s">
        <v>130</v>
      </c>
      <c r="J56" s="820"/>
      <c r="K56" s="474"/>
      <c r="L56" s="474"/>
      <c r="M56" s="820" t="s">
        <v>169</v>
      </c>
      <c r="N56" s="820"/>
      <c r="O56" s="820"/>
      <c r="P56" s="820"/>
      <c r="Q56" s="820" t="s">
        <v>130</v>
      </c>
      <c r="R56" s="820"/>
      <c r="S56" s="34"/>
      <c r="T56" s="34"/>
      <c r="U56" s="34"/>
      <c r="V56" s="38"/>
      <c r="W56" s="306"/>
      <c r="X56" s="306"/>
      <c r="Y56" s="306"/>
      <c r="Z56" s="306"/>
      <c r="AA56" s="306"/>
      <c r="AB56" s="306"/>
      <c r="AC56" s="306"/>
      <c r="AD56" s="306"/>
      <c r="AE56" s="306"/>
      <c r="AF56" s="306"/>
      <c r="AG56" s="306"/>
      <c r="AH56" s="306"/>
    </row>
    <row r="57" spans="1:34" s="386" customFormat="1" ht="15.95" customHeight="1">
      <c r="A57" s="789"/>
      <c r="B57" s="822"/>
      <c r="C57" s="536"/>
      <c r="D57" s="492"/>
      <c r="E57" s="31" t="s">
        <v>134</v>
      </c>
      <c r="F57" s="32"/>
      <c r="G57" s="31"/>
      <c r="H57" s="820"/>
      <c r="I57" s="820" t="s">
        <v>130</v>
      </c>
      <c r="J57" s="820"/>
      <c r="K57" s="474"/>
      <c r="L57" s="474"/>
      <c r="M57" s="820" t="s">
        <v>169</v>
      </c>
      <c r="N57" s="820"/>
      <c r="O57" s="820"/>
      <c r="P57" s="820"/>
      <c r="Q57" s="820" t="s">
        <v>130</v>
      </c>
      <c r="R57" s="820"/>
      <c r="S57" s="34"/>
      <c r="T57" s="34"/>
      <c r="U57" s="34"/>
      <c r="V57" s="38"/>
      <c r="W57" s="306"/>
      <c r="X57" s="306"/>
      <c r="Y57" s="306"/>
      <c r="Z57" s="306"/>
      <c r="AA57" s="306"/>
      <c r="AB57" s="306"/>
      <c r="AC57" s="306"/>
      <c r="AD57" s="306"/>
      <c r="AE57" s="306"/>
      <c r="AF57" s="306"/>
      <c r="AG57" s="306"/>
      <c r="AH57" s="306"/>
    </row>
    <row r="58" spans="1:34" s="386" customFormat="1" ht="15.95" customHeight="1">
      <c r="A58" s="789"/>
      <c r="B58" s="823"/>
      <c r="C58" s="548"/>
      <c r="D58" s="569"/>
      <c r="E58" s="31" t="s">
        <v>135</v>
      </c>
      <c r="F58" s="32"/>
      <c r="G58" s="31"/>
      <c r="H58" s="820"/>
      <c r="I58" s="820" t="s">
        <v>130</v>
      </c>
      <c r="J58" s="820"/>
      <c r="K58" s="474"/>
      <c r="L58" s="474"/>
      <c r="M58" s="820" t="s">
        <v>169</v>
      </c>
      <c r="N58" s="820"/>
      <c r="O58" s="820"/>
      <c r="P58" s="820"/>
      <c r="Q58" s="820" t="s">
        <v>130</v>
      </c>
      <c r="R58" s="820"/>
      <c r="S58" s="34"/>
      <c r="T58" s="34"/>
      <c r="U58" s="34"/>
      <c r="V58" s="38"/>
      <c r="W58" s="306"/>
      <c r="X58" s="306"/>
      <c r="Y58" s="306"/>
      <c r="Z58" s="306"/>
      <c r="AA58" s="306"/>
      <c r="AB58" s="306"/>
      <c r="AC58" s="306"/>
      <c r="AD58" s="306"/>
      <c r="AE58" s="306"/>
      <c r="AF58" s="306"/>
      <c r="AG58" s="306"/>
      <c r="AH58" s="306"/>
    </row>
    <row r="59" spans="1:34" s="386" customFormat="1" ht="16.350000000000001" customHeight="1">
      <c r="A59" s="789"/>
      <c r="B59" s="608" t="s">
        <v>136</v>
      </c>
      <c r="C59" s="608"/>
      <c r="D59" s="608"/>
      <c r="E59" s="608"/>
      <c r="F59" s="566"/>
      <c r="G59" s="31"/>
      <c r="H59" s="820"/>
      <c r="I59" s="820" t="s">
        <v>130</v>
      </c>
      <c r="J59" s="820"/>
      <c r="K59" s="474"/>
      <c r="L59" s="474"/>
      <c r="M59" s="820" t="s">
        <v>169</v>
      </c>
      <c r="N59" s="820"/>
      <c r="O59" s="820"/>
      <c r="P59" s="820"/>
      <c r="Q59" s="820" t="s">
        <v>130</v>
      </c>
      <c r="R59" s="820"/>
      <c r="S59" s="34"/>
      <c r="T59" s="34"/>
      <c r="U59" s="34"/>
      <c r="V59" s="38"/>
      <c r="W59" s="306"/>
      <c r="X59" s="306"/>
      <c r="Y59" s="306"/>
      <c r="Z59" s="306"/>
      <c r="AA59" s="306"/>
      <c r="AB59" s="306"/>
      <c r="AC59" s="306"/>
      <c r="AD59" s="306"/>
      <c r="AE59" s="306"/>
      <c r="AF59" s="306"/>
      <c r="AG59" s="306"/>
      <c r="AH59" s="306"/>
    </row>
    <row r="60" spans="1:34" s="386" customFormat="1" ht="16.350000000000001" customHeight="1" thickBot="1">
      <c r="A60" s="789"/>
      <c r="B60" s="824" t="s">
        <v>137</v>
      </c>
      <c r="C60" s="528"/>
      <c r="D60" s="528"/>
      <c r="E60" s="528"/>
      <c r="F60" s="159"/>
      <c r="G60" s="576"/>
      <c r="H60" s="577"/>
      <c r="I60" s="577"/>
      <c r="J60" s="577"/>
      <c r="K60" s="579"/>
      <c r="L60" s="578" t="s">
        <v>178</v>
      </c>
      <c r="M60" s="528"/>
      <c r="N60" s="528"/>
      <c r="O60" s="581"/>
      <c r="P60" s="582"/>
      <c r="Q60" s="582"/>
      <c r="R60" s="825"/>
      <c r="S60" s="825"/>
      <c r="T60" s="585"/>
      <c r="U60" s="825"/>
      <c r="V60" s="583"/>
      <c r="W60" s="306"/>
      <c r="X60" s="306"/>
      <c r="Y60" s="306"/>
      <c r="Z60" s="306"/>
      <c r="AA60" s="306"/>
      <c r="AB60" s="306"/>
      <c r="AC60" s="306"/>
      <c r="AD60" s="306"/>
      <c r="AE60" s="306"/>
      <c r="AF60" s="306"/>
      <c r="AG60" s="306"/>
      <c r="AH60" s="306"/>
    </row>
    <row r="61" spans="1:34" ht="15" customHeight="1">
      <c r="A61" s="786" t="s">
        <v>140</v>
      </c>
      <c r="B61" s="787" t="s">
        <v>32</v>
      </c>
      <c r="C61" s="787"/>
      <c r="D61" s="787"/>
      <c r="E61" s="787"/>
      <c r="F61" s="787"/>
      <c r="G61" s="787"/>
      <c r="H61" s="787"/>
      <c r="I61" s="787"/>
      <c r="J61" s="787"/>
      <c r="K61" s="787"/>
      <c r="L61" s="787"/>
      <c r="M61" s="787"/>
      <c r="N61" s="787"/>
      <c r="O61" s="787"/>
      <c r="P61" s="787"/>
      <c r="Q61" s="787"/>
      <c r="R61" s="787"/>
      <c r="S61" s="787"/>
      <c r="T61" s="787"/>
      <c r="U61" s="787"/>
      <c r="V61" s="788"/>
    </row>
    <row r="62" spans="1:34" ht="15" customHeight="1">
      <c r="A62" s="789"/>
      <c r="B62" s="990" t="s">
        <v>33</v>
      </c>
      <c r="C62" s="991"/>
      <c r="D62" s="991"/>
      <c r="E62" s="991"/>
      <c r="F62" s="992"/>
      <c r="G62" s="993" t="s">
        <v>163</v>
      </c>
      <c r="H62" s="994"/>
      <c r="I62" s="994"/>
      <c r="J62" s="995"/>
      <c r="K62" s="755" t="s">
        <v>164</v>
      </c>
      <c r="L62" s="996"/>
      <c r="M62" s="996"/>
      <c r="N62" s="997"/>
      <c r="O62" s="998" t="s">
        <v>190</v>
      </c>
      <c r="P62" s="999"/>
      <c r="Q62" s="999"/>
      <c r="R62" s="1000"/>
      <c r="S62" s="755" t="s">
        <v>165</v>
      </c>
      <c r="T62" s="996"/>
      <c r="U62" s="996"/>
      <c r="V62" s="1001"/>
    </row>
    <row r="63" spans="1:34" ht="15" customHeight="1">
      <c r="A63" s="789"/>
      <c r="B63" s="1002"/>
      <c r="C63" s="1003"/>
      <c r="D63" s="1003"/>
      <c r="E63" s="1003"/>
      <c r="F63" s="1004"/>
      <c r="G63" s="755" t="s">
        <v>41</v>
      </c>
      <c r="H63" s="997"/>
      <c r="I63" s="755" t="s">
        <v>42</v>
      </c>
      <c r="J63" s="997"/>
      <c r="K63" s="755" t="s">
        <v>41</v>
      </c>
      <c r="L63" s="997"/>
      <c r="M63" s="755" t="s">
        <v>42</v>
      </c>
      <c r="N63" s="997"/>
      <c r="O63" s="755" t="s">
        <v>41</v>
      </c>
      <c r="P63" s="997"/>
      <c r="Q63" s="755" t="s">
        <v>42</v>
      </c>
      <c r="R63" s="997"/>
      <c r="S63" s="755" t="s">
        <v>41</v>
      </c>
      <c r="T63" s="997"/>
      <c r="U63" s="755" t="s">
        <v>42</v>
      </c>
      <c r="V63" s="1001"/>
    </row>
    <row r="64" spans="1:34" ht="15" customHeight="1">
      <c r="A64" s="789"/>
      <c r="B64" s="1005"/>
      <c r="C64" s="755" t="s">
        <v>86</v>
      </c>
      <c r="D64" s="996"/>
      <c r="E64" s="996"/>
      <c r="F64" s="997"/>
      <c r="G64" s="755"/>
      <c r="H64" s="997"/>
      <c r="I64" s="755"/>
      <c r="J64" s="997"/>
      <c r="K64" s="755"/>
      <c r="L64" s="997"/>
      <c r="M64" s="755"/>
      <c r="N64" s="997"/>
      <c r="O64" s="755"/>
      <c r="P64" s="997"/>
      <c r="Q64" s="755"/>
      <c r="R64" s="997"/>
      <c r="S64" s="755"/>
      <c r="T64" s="997"/>
      <c r="U64" s="755"/>
      <c r="V64" s="1001"/>
    </row>
    <row r="65" spans="1:34" ht="15" customHeight="1">
      <c r="A65" s="789"/>
      <c r="B65" s="1006"/>
      <c r="C65" s="1007" t="s">
        <v>46</v>
      </c>
      <c r="D65" s="996"/>
      <c r="E65" s="996"/>
      <c r="F65" s="997"/>
      <c r="G65" s="755"/>
      <c r="H65" s="997"/>
      <c r="I65" s="755"/>
      <c r="J65" s="997"/>
      <c r="K65" s="755"/>
      <c r="L65" s="997"/>
      <c r="M65" s="755"/>
      <c r="N65" s="997"/>
      <c r="O65" s="755"/>
      <c r="P65" s="997"/>
      <c r="Q65" s="755"/>
      <c r="R65" s="997"/>
      <c r="S65" s="755"/>
      <c r="T65" s="997"/>
      <c r="U65" s="755"/>
      <c r="V65" s="1001"/>
    </row>
    <row r="66" spans="1:34" ht="15" customHeight="1">
      <c r="A66" s="789"/>
      <c r="B66" s="1002"/>
      <c r="C66" s="991"/>
      <c r="D66" s="991"/>
      <c r="E66" s="991"/>
      <c r="F66" s="992"/>
      <c r="G66" s="1008" t="s">
        <v>191</v>
      </c>
      <c r="H66" s="1008"/>
      <c r="I66" s="1008"/>
      <c r="J66" s="1008"/>
      <c r="K66" s="57" t="s">
        <v>192</v>
      </c>
      <c r="L66" s="58"/>
      <c r="M66" s="58"/>
      <c r="N66" s="59"/>
      <c r="O66" s="57" t="s">
        <v>193</v>
      </c>
      <c r="P66" s="58"/>
      <c r="Q66" s="58"/>
      <c r="R66" s="59"/>
      <c r="S66" s="57" t="s">
        <v>194</v>
      </c>
      <c r="T66" s="58"/>
      <c r="U66" s="58"/>
      <c r="V66" s="59"/>
    </row>
    <row r="67" spans="1:34" ht="15" customHeight="1">
      <c r="A67" s="789"/>
      <c r="B67" s="1002"/>
      <c r="C67" s="1003"/>
      <c r="D67" s="1003"/>
      <c r="E67" s="1003"/>
      <c r="F67" s="1004"/>
      <c r="G67" s="1009" t="s">
        <v>44</v>
      </c>
      <c r="H67" s="1009"/>
      <c r="I67" s="57" t="s">
        <v>43</v>
      </c>
      <c r="J67" s="58"/>
      <c r="K67" s="755" t="s">
        <v>41</v>
      </c>
      <c r="L67" s="997"/>
      <c r="M67" s="755" t="s">
        <v>42</v>
      </c>
      <c r="N67" s="997"/>
      <c r="O67" s="755" t="s">
        <v>41</v>
      </c>
      <c r="P67" s="997"/>
      <c r="Q67" s="755" t="s">
        <v>42</v>
      </c>
      <c r="R67" s="997"/>
      <c r="S67" s="755" t="s">
        <v>41</v>
      </c>
      <c r="T67" s="997"/>
      <c r="U67" s="755" t="s">
        <v>42</v>
      </c>
      <c r="V67" s="1001"/>
    </row>
    <row r="68" spans="1:34" ht="15" customHeight="1">
      <c r="A68" s="789"/>
      <c r="B68" s="1005"/>
      <c r="C68" s="755" t="s">
        <v>86</v>
      </c>
      <c r="D68" s="996"/>
      <c r="E68" s="996"/>
      <c r="F68" s="997"/>
      <c r="G68" s="1009"/>
      <c r="H68" s="1009"/>
      <c r="I68" s="57"/>
      <c r="J68" s="58"/>
      <c r="K68" s="755"/>
      <c r="L68" s="997"/>
      <c r="M68" s="755"/>
      <c r="N68" s="997"/>
      <c r="O68" s="755"/>
      <c r="P68" s="997"/>
      <c r="Q68" s="755"/>
      <c r="R68" s="997"/>
      <c r="S68" s="755"/>
      <c r="T68" s="997"/>
      <c r="U68" s="755"/>
      <c r="V68" s="1001"/>
    </row>
    <row r="69" spans="1:34" ht="15" customHeight="1">
      <c r="A69" s="789"/>
      <c r="B69" s="1010"/>
      <c r="C69" s="1007" t="s">
        <v>46</v>
      </c>
      <c r="D69" s="996"/>
      <c r="E69" s="996"/>
      <c r="F69" s="997"/>
      <c r="G69" s="1009"/>
      <c r="H69" s="1009"/>
      <c r="I69" s="57"/>
      <c r="J69" s="58"/>
      <c r="K69" s="755"/>
      <c r="L69" s="997"/>
      <c r="M69" s="755"/>
      <c r="N69" s="997"/>
      <c r="O69" s="755"/>
      <c r="P69" s="997"/>
      <c r="Q69" s="755"/>
      <c r="R69" s="997"/>
      <c r="S69" s="755"/>
      <c r="T69" s="997"/>
      <c r="U69" s="755"/>
      <c r="V69" s="1001"/>
    </row>
    <row r="70" spans="1:34" s="386" customFormat="1" ht="15" customHeight="1">
      <c r="A70" s="789"/>
      <c r="B70" s="805" t="s">
        <v>166</v>
      </c>
      <c r="C70" s="805"/>
      <c r="D70" s="805"/>
      <c r="E70" s="805"/>
      <c r="F70" s="805"/>
      <c r="G70" s="805"/>
      <c r="H70" s="805"/>
      <c r="I70" s="805"/>
      <c r="J70" s="805"/>
      <c r="K70" s="805"/>
      <c r="L70" s="805"/>
      <c r="M70" s="805"/>
      <c r="N70" s="805"/>
      <c r="O70" s="805"/>
      <c r="P70" s="805"/>
      <c r="Q70" s="805"/>
      <c r="R70" s="805"/>
      <c r="S70" s="805"/>
      <c r="T70" s="805"/>
      <c r="U70" s="805"/>
      <c r="V70" s="806"/>
      <c r="W70" s="306"/>
      <c r="X70" s="306"/>
      <c r="Y70" s="306"/>
      <c r="Z70" s="306"/>
      <c r="AA70" s="306"/>
      <c r="AB70" s="306"/>
      <c r="AC70" s="306"/>
      <c r="AD70" s="306"/>
      <c r="AE70" s="306"/>
      <c r="AF70" s="306"/>
      <c r="AG70" s="306"/>
      <c r="AH70" s="306"/>
    </row>
    <row r="71" spans="1:34" s="386" customFormat="1" ht="16.350000000000001" customHeight="1">
      <c r="A71" s="789"/>
      <c r="B71" s="807" t="s">
        <v>167</v>
      </c>
      <c r="C71" s="807"/>
      <c r="D71" s="807"/>
      <c r="E71" s="807"/>
      <c r="F71" s="808"/>
      <c r="G71" s="552" t="s">
        <v>120</v>
      </c>
      <c r="H71" s="809"/>
      <c r="I71" s="810" t="s">
        <v>121</v>
      </c>
      <c r="J71" s="809"/>
      <c r="K71" s="810" t="s">
        <v>122</v>
      </c>
      <c r="L71" s="809"/>
      <c r="M71" s="810" t="s">
        <v>123</v>
      </c>
      <c r="N71" s="809"/>
      <c r="O71" s="810" t="s">
        <v>124</v>
      </c>
      <c r="P71" s="809"/>
      <c r="Q71" s="810" t="s">
        <v>125</v>
      </c>
      <c r="R71" s="809"/>
      <c r="S71" s="810" t="s">
        <v>126</v>
      </c>
      <c r="T71" s="809"/>
      <c r="U71" s="810" t="s">
        <v>127</v>
      </c>
      <c r="V71" s="811"/>
      <c r="W71" s="306"/>
      <c r="X71" s="306"/>
      <c r="Y71" s="306"/>
      <c r="Z71" s="306"/>
      <c r="AA71" s="306"/>
      <c r="AB71" s="306"/>
      <c r="AC71" s="306"/>
      <c r="AD71" s="306"/>
      <c r="AE71" s="306"/>
      <c r="AF71" s="306"/>
      <c r="AG71" s="306"/>
      <c r="AH71" s="306"/>
    </row>
    <row r="72" spans="1:34" s="386" customFormat="1" ht="15.6" customHeight="1">
      <c r="A72" s="789"/>
      <c r="B72" s="812"/>
      <c r="C72" s="812"/>
      <c r="D72" s="812"/>
      <c r="E72" s="812"/>
      <c r="F72" s="813"/>
      <c r="G72" s="810"/>
      <c r="H72" s="809"/>
      <c r="I72" s="810"/>
      <c r="J72" s="809"/>
      <c r="K72" s="810"/>
      <c r="L72" s="809"/>
      <c r="M72" s="810"/>
      <c r="N72" s="809"/>
      <c r="O72" s="810"/>
      <c r="P72" s="809"/>
      <c r="Q72" s="810"/>
      <c r="R72" s="809"/>
      <c r="S72" s="810"/>
      <c r="T72" s="809"/>
      <c r="U72" s="810"/>
      <c r="V72" s="811"/>
      <c r="W72" s="306"/>
      <c r="X72" s="306"/>
      <c r="Y72" s="306"/>
      <c r="Z72" s="306"/>
      <c r="AA72" s="306"/>
      <c r="AB72" s="306"/>
      <c r="AC72" s="306"/>
      <c r="AD72" s="306"/>
      <c r="AE72" s="306"/>
      <c r="AF72" s="306"/>
      <c r="AG72" s="306"/>
      <c r="AH72" s="306"/>
    </row>
    <row r="73" spans="1:34" s="386" customFormat="1" ht="15.6" customHeight="1">
      <c r="A73" s="789"/>
      <c r="B73" s="814"/>
      <c r="C73" s="814"/>
      <c r="D73" s="814"/>
      <c r="E73" s="814"/>
      <c r="F73" s="815"/>
      <c r="G73" s="810" t="s">
        <v>128</v>
      </c>
      <c r="H73" s="552"/>
      <c r="I73" s="552"/>
      <c r="J73" s="552"/>
      <c r="K73" s="552"/>
      <c r="L73" s="809"/>
      <c r="M73" s="816"/>
      <c r="N73" s="817"/>
      <c r="O73" s="817"/>
      <c r="P73" s="817"/>
      <c r="Q73" s="817"/>
      <c r="R73" s="817"/>
      <c r="S73" s="817"/>
      <c r="T73" s="817"/>
      <c r="U73" s="817"/>
      <c r="V73" s="818"/>
      <c r="W73" s="306"/>
      <c r="X73" s="306"/>
      <c r="Y73" s="306"/>
      <c r="Z73" s="306"/>
      <c r="AA73" s="306"/>
      <c r="AB73" s="306"/>
      <c r="AC73" s="306"/>
      <c r="AD73" s="306"/>
      <c r="AE73" s="306"/>
      <c r="AF73" s="306"/>
      <c r="AG73" s="306"/>
      <c r="AH73" s="306"/>
    </row>
    <row r="74" spans="1:34" s="386" customFormat="1" ht="15.95" customHeight="1">
      <c r="A74" s="789"/>
      <c r="B74" s="819" t="s">
        <v>168</v>
      </c>
      <c r="C74" s="820"/>
      <c r="D74" s="820"/>
      <c r="E74" s="820"/>
      <c r="F74" s="32"/>
      <c r="G74" s="31"/>
      <c r="H74" s="820"/>
      <c r="I74" s="820" t="s">
        <v>130</v>
      </c>
      <c r="J74" s="820"/>
      <c r="K74" s="474"/>
      <c r="L74" s="474"/>
      <c r="M74" s="820" t="s">
        <v>169</v>
      </c>
      <c r="N74" s="820"/>
      <c r="O74" s="820"/>
      <c r="P74" s="820"/>
      <c r="Q74" s="820" t="s">
        <v>130</v>
      </c>
      <c r="R74" s="820"/>
      <c r="S74" s="34"/>
      <c r="T74" s="34"/>
      <c r="U74" s="34"/>
      <c r="V74" s="38"/>
      <c r="W74" s="306"/>
      <c r="X74" s="306"/>
      <c r="Y74" s="306"/>
      <c r="Z74" s="306"/>
      <c r="AA74" s="306"/>
      <c r="AB74" s="306"/>
      <c r="AC74" s="306"/>
      <c r="AD74" s="306"/>
      <c r="AE74" s="306"/>
      <c r="AF74" s="306"/>
      <c r="AG74" s="306"/>
      <c r="AH74" s="306"/>
    </row>
    <row r="75" spans="1:34" s="386" customFormat="1" ht="15.95" customHeight="1">
      <c r="A75" s="789"/>
      <c r="B75" s="821"/>
      <c r="C75" s="565" t="s">
        <v>132</v>
      </c>
      <c r="D75" s="566"/>
      <c r="E75" s="31" t="s">
        <v>170</v>
      </c>
      <c r="F75" s="32"/>
      <c r="G75" s="31"/>
      <c r="H75" s="820"/>
      <c r="I75" s="820" t="s">
        <v>130</v>
      </c>
      <c r="J75" s="820"/>
      <c r="K75" s="474"/>
      <c r="L75" s="474"/>
      <c r="M75" s="820" t="s">
        <v>169</v>
      </c>
      <c r="N75" s="820"/>
      <c r="O75" s="820"/>
      <c r="P75" s="820"/>
      <c r="Q75" s="820" t="s">
        <v>130</v>
      </c>
      <c r="R75" s="820"/>
      <c r="S75" s="34"/>
      <c r="T75" s="34"/>
      <c r="U75" s="34"/>
      <c r="V75" s="38"/>
      <c r="W75" s="306"/>
      <c r="X75" s="306"/>
      <c r="Y75" s="306"/>
      <c r="Z75" s="306"/>
      <c r="AA75" s="306"/>
      <c r="AB75" s="306"/>
      <c r="AC75" s="306"/>
      <c r="AD75" s="306"/>
      <c r="AE75" s="306"/>
      <c r="AF75" s="306"/>
      <c r="AG75" s="306"/>
      <c r="AH75" s="306"/>
    </row>
    <row r="76" spans="1:34" s="386" customFormat="1" ht="15.95" customHeight="1">
      <c r="A76" s="789"/>
      <c r="B76" s="822"/>
      <c r="C76" s="536"/>
      <c r="D76" s="492"/>
      <c r="E76" s="31" t="s">
        <v>134</v>
      </c>
      <c r="F76" s="32"/>
      <c r="G76" s="31"/>
      <c r="H76" s="820"/>
      <c r="I76" s="820" t="s">
        <v>130</v>
      </c>
      <c r="J76" s="820"/>
      <c r="K76" s="474"/>
      <c r="L76" s="474"/>
      <c r="M76" s="820" t="s">
        <v>169</v>
      </c>
      <c r="N76" s="820"/>
      <c r="O76" s="820"/>
      <c r="P76" s="820"/>
      <c r="Q76" s="820" t="s">
        <v>130</v>
      </c>
      <c r="R76" s="820"/>
      <c r="S76" s="34"/>
      <c r="T76" s="34"/>
      <c r="U76" s="34"/>
      <c r="V76" s="38"/>
      <c r="W76" s="306"/>
      <c r="X76" s="306"/>
      <c r="Y76" s="306"/>
      <c r="Z76" s="306"/>
      <c r="AA76" s="306"/>
      <c r="AB76" s="306"/>
      <c r="AC76" s="306"/>
      <c r="AD76" s="306"/>
      <c r="AE76" s="306"/>
      <c r="AF76" s="306"/>
      <c r="AG76" s="306"/>
      <c r="AH76" s="306"/>
    </row>
    <row r="77" spans="1:34" s="386" customFormat="1" ht="15.95" customHeight="1">
      <c r="A77" s="789"/>
      <c r="B77" s="823"/>
      <c r="C77" s="548"/>
      <c r="D77" s="569"/>
      <c r="E77" s="31" t="s">
        <v>135</v>
      </c>
      <c r="F77" s="32"/>
      <c r="G77" s="31"/>
      <c r="H77" s="820"/>
      <c r="I77" s="820" t="s">
        <v>130</v>
      </c>
      <c r="J77" s="820"/>
      <c r="K77" s="474"/>
      <c r="L77" s="474"/>
      <c r="M77" s="820" t="s">
        <v>169</v>
      </c>
      <c r="N77" s="820"/>
      <c r="O77" s="820"/>
      <c r="P77" s="820"/>
      <c r="Q77" s="820" t="s">
        <v>130</v>
      </c>
      <c r="R77" s="820"/>
      <c r="S77" s="34"/>
      <c r="T77" s="34"/>
      <c r="U77" s="34"/>
      <c r="V77" s="38"/>
      <c r="W77" s="306"/>
      <c r="X77" s="306"/>
      <c r="Y77" s="306"/>
      <c r="Z77" s="306"/>
      <c r="AA77" s="306"/>
      <c r="AB77" s="306"/>
      <c r="AC77" s="306"/>
      <c r="AD77" s="306"/>
      <c r="AE77" s="306"/>
      <c r="AF77" s="306"/>
      <c r="AG77" s="306"/>
      <c r="AH77" s="306"/>
    </row>
    <row r="78" spans="1:34" s="386" customFormat="1" ht="16.350000000000001" customHeight="1">
      <c r="A78" s="789"/>
      <c r="B78" s="608" t="s">
        <v>136</v>
      </c>
      <c r="C78" s="608"/>
      <c r="D78" s="608"/>
      <c r="E78" s="608"/>
      <c r="F78" s="566"/>
      <c r="G78" s="31"/>
      <c r="H78" s="820"/>
      <c r="I78" s="820" t="s">
        <v>130</v>
      </c>
      <c r="J78" s="820"/>
      <c r="K78" s="474"/>
      <c r="L78" s="474"/>
      <c r="M78" s="820" t="s">
        <v>169</v>
      </c>
      <c r="N78" s="820"/>
      <c r="O78" s="820"/>
      <c r="P78" s="820"/>
      <c r="Q78" s="820" t="s">
        <v>130</v>
      </c>
      <c r="R78" s="820"/>
      <c r="S78" s="34"/>
      <c r="T78" s="34"/>
      <c r="U78" s="34"/>
      <c r="V78" s="38"/>
      <c r="W78" s="306"/>
      <c r="X78" s="306"/>
      <c r="Y78" s="306"/>
      <c r="Z78" s="306"/>
      <c r="AA78" s="306"/>
      <c r="AB78" s="306"/>
      <c r="AC78" s="306"/>
      <c r="AD78" s="306"/>
      <c r="AE78" s="306"/>
      <c r="AF78" s="306"/>
      <c r="AG78" s="306"/>
      <c r="AH78" s="306"/>
    </row>
    <row r="79" spans="1:34" s="386" customFormat="1" ht="16.350000000000001" customHeight="1" thickBot="1">
      <c r="A79" s="842"/>
      <c r="B79" s="824" t="s">
        <v>137</v>
      </c>
      <c r="C79" s="528"/>
      <c r="D79" s="528"/>
      <c r="E79" s="528"/>
      <c r="F79" s="159"/>
      <c r="G79" s="576"/>
      <c r="H79" s="577"/>
      <c r="I79" s="577"/>
      <c r="J79" s="577"/>
      <c r="K79" s="579"/>
      <c r="L79" s="578" t="s">
        <v>172</v>
      </c>
      <c r="M79" s="528"/>
      <c r="N79" s="528"/>
      <c r="O79" s="581"/>
      <c r="P79" s="582"/>
      <c r="Q79" s="582"/>
      <c r="R79" s="825"/>
      <c r="S79" s="825"/>
      <c r="T79" s="585"/>
      <c r="U79" s="825"/>
      <c r="V79" s="583"/>
      <c r="W79" s="306"/>
      <c r="X79" s="306"/>
      <c r="Y79" s="306"/>
      <c r="Z79" s="306"/>
      <c r="AA79" s="306"/>
      <c r="AB79" s="306"/>
      <c r="AC79" s="306"/>
      <c r="AD79" s="306"/>
      <c r="AE79" s="306"/>
      <c r="AF79" s="306"/>
      <c r="AG79" s="306"/>
      <c r="AH79" s="306"/>
    </row>
    <row r="80" spans="1:34" s="833" customFormat="1" ht="15" customHeight="1" thickBot="1">
      <c r="A80" s="1011" t="s">
        <v>48</v>
      </c>
      <c r="B80" s="1012"/>
      <c r="C80" s="1012"/>
      <c r="D80" s="1013"/>
      <c r="E80" s="1014" t="s">
        <v>142</v>
      </c>
      <c r="F80" s="1014"/>
      <c r="G80" s="1014"/>
      <c r="H80" s="1014"/>
      <c r="I80" s="1015"/>
      <c r="J80" s="1016"/>
      <c r="K80" s="1016"/>
      <c r="L80" s="1016"/>
      <c r="M80" s="1016"/>
      <c r="N80" s="1016"/>
      <c r="O80" s="1016"/>
      <c r="P80" s="1016"/>
      <c r="Q80" s="1016"/>
      <c r="R80" s="1016"/>
      <c r="S80" s="1016"/>
      <c r="T80" s="1016"/>
      <c r="U80" s="1016"/>
      <c r="V80" s="1017"/>
    </row>
    <row r="81" spans="1:34" s="833" customFormat="1" ht="15.75" customHeight="1">
      <c r="A81" s="1018"/>
      <c r="B81" s="1018"/>
      <c r="C81" s="1018"/>
      <c r="D81" s="1018"/>
      <c r="E81" s="1018"/>
      <c r="F81" s="1018"/>
      <c r="G81" s="384"/>
      <c r="H81" s="384"/>
      <c r="I81" s="384"/>
      <c r="J81" s="384"/>
      <c r="K81" s="384"/>
      <c r="L81" s="384"/>
      <c r="M81" s="384"/>
      <c r="N81" s="384"/>
      <c r="O81" s="384"/>
      <c r="P81" s="384"/>
      <c r="Q81" s="384"/>
      <c r="R81" s="384"/>
      <c r="S81" s="384"/>
      <c r="T81" s="384" t="s">
        <v>51</v>
      </c>
      <c r="U81" s="384"/>
      <c r="V81" s="384"/>
    </row>
    <row r="82" spans="1:34" s="833" customFormat="1" ht="36" customHeight="1" thickBot="1">
      <c r="A82" s="1019" t="s">
        <v>173</v>
      </c>
      <c r="B82" s="1019"/>
      <c r="C82" s="1019"/>
      <c r="D82" s="1019"/>
      <c r="E82" s="1019"/>
      <c r="F82" s="1019"/>
      <c r="G82" s="1019"/>
      <c r="H82" s="1019"/>
      <c r="I82" s="1019"/>
      <c r="J82" s="1019"/>
      <c r="K82" s="1019"/>
      <c r="L82" s="1019"/>
      <c r="M82" s="1019"/>
      <c r="N82" s="1019"/>
      <c r="O82" s="1019"/>
      <c r="P82" s="1019"/>
      <c r="Q82" s="1019"/>
      <c r="R82" s="1019"/>
      <c r="S82" s="1019"/>
      <c r="T82" s="1019"/>
      <c r="U82" s="1019"/>
      <c r="V82" s="1019"/>
    </row>
    <row r="83" spans="1:34" s="833" customFormat="1" ht="15" customHeight="1">
      <c r="A83" s="251" t="s">
        <v>1</v>
      </c>
      <c r="B83" s="834" t="s">
        <v>3</v>
      </c>
      <c r="C83" s="834"/>
      <c r="D83" s="835"/>
      <c r="E83" s="373"/>
      <c r="F83" s="374"/>
      <c r="G83" s="374"/>
      <c r="H83" s="374"/>
      <c r="I83" s="374"/>
      <c r="J83" s="374"/>
      <c r="K83" s="374"/>
      <c r="L83" s="374"/>
      <c r="M83" s="374"/>
      <c r="N83" s="374"/>
      <c r="O83" s="374"/>
      <c r="P83" s="374"/>
      <c r="Q83" s="374"/>
      <c r="R83" s="374"/>
      <c r="S83" s="374"/>
      <c r="T83" s="374"/>
      <c r="U83" s="374"/>
      <c r="V83" s="375"/>
    </row>
    <row r="84" spans="1:34" s="833" customFormat="1" ht="25.7" customHeight="1">
      <c r="A84" s="254"/>
      <c r="B84" s="260" t="s">
        <v>59</v>
      </c>
      <c r="C84" s="260"/>
      <c r="D84" s="261"/>
      <c r="E84" s="262"/>
      <c r="F84" s="263"/>
      <c r="G84" s="263"/>
      <c r="H84" s="263"/>
      <c r="I84" s="263"/>
      <c r="J84" s="263"/>
      <c r="K84" s="263"/>
      <c r="L84" s="263"/>
      <c r="M84" s="263"/>
      <c r="N84" s="263"/>
      <c r="O84" s="263"/>
      <c r="P84" s="263"/>
      <c r="Q84" s="263"/>
      <c r="R84" s="263"/>
      <c r="S84" s="263"/>
      <c r="T84" s="263"/>
      <c r="U84" s="263"/>
      <c r="V84" s="264"/>
    </row>
    <row r="85" spans="1:34" s="833" customFormat="1" ht="15" customHeight="1">
      <c r="A85" s="254"/>
      <c r="B85" s="265" t="s">
        <v>60</v>
      </c>
      <c r="C85" s="266"/>
      <c r="D85" s="267"/>
      <c r="E85" s="926" t="s">
        <v>184</v>
      </c>
      <c r="F85" s="927"/>
      <c r="G85" s="927"/>
      <c r="H85" s="1020"/>
      <c r="I85" s="1020"/>
      <c r="J85" s="930" t="s">
        <v>21</v>
      </c>
      <c r="K85" s="929"/>
      <c r="L85" s="929"/>
      <c r="M85" s="930" t="s">
        <v>30</v>
      </c>
      <c r="N85" s="1021"/>
      <c r="O85" s="1021"/>
      <c r="P85" s="1021"/>
      <c r="Q85" s="1021"/>
      <c r="R85" s="1021"/>
      <c r="S85" s="1021"/>
      <c r="T85" s="1021"/>
      <c r="U85" s="1021"/>
      <c r="V85" s="1022"/>
    </row>
    <row r="86" spans="1:34" s="833" customFormat="1" ht="15" customHeight="1">
      <c r="A86" s="254"/>
      <c r="B86" s="272"/>
      <c r="C86" s="273"/>
      <c r="D86" s="274"/>
      <c r="E86" s="275"/>
      <c r="F86" s="276"/>
      <c r="G86" s="276"/>
      <c r="H86" s="277" t="s">
        <v>64</v>
      </c>
      <c r="I86" s="278" t="s">
        <v>65</v>
      </c>
      <c r="J86" s="276"/>
      <c r="K86" s="276"/>
      <c r="L86" s="276"/>
      <c r="M86" s="276"/>
      <c r="N86" s="276"/>
      <c r="O86" s="277" t="s">
        <v>66</v>
      </c>
      <c r="P86" s="278" t="s">
        <v>67</v>
      </c>
      <c r="Q86" s="276"/>
      <c r="R86" s="276"/>
      <c r="S86" s="276"/>
      <c r="T86" s="276"/>
      <c r="U86" s="276"/>
      <c r="V86" s="1023"/>
    </row>
    <row r="87" spans="1:34" s="833" customFormat="1" ht="15" customHeight="1">
      <c r="A87" s="254"/>
      <c r="B87" s="272"/>
      <c r="C87" s="273"/>
      <c r="D87" s="274"/>
      <c r="E87" s="275"/>
      <c r="F87" s="276"/>
      <c r="G87" s="276"/>
      <c r="H87" s="277" t="s">
        <v>68</v>
      </c>
      <c r="I87" s="278" t="s">
        <v>69</v>
      </c>
      <c r="J87" s="276"/>
      <c r="K87" s="276"/>
      <c r="L87" s="276"/>
      <c r="M87" s="276"/>
      <c r="N87" s="276"/>
      <c r="O87" s="277" t="s">
        <v>70</v>
      </c>
      <c r="P87" s="278" t="s">
        <v>71</v>
      </c>
      <c r="Q87" s="276"/>
      <c r="R87" s="276"/>
      <c r="S87" s="276"/>
      <c r="T87" s="276"/>
      <c r="U87" s="276"/>
      <c r="V87" s="1023"/>
    </row>
    <row r="88" spans="1:34" s="833" customFormat="1" ht="18.95" customHeight="1">
      <c r="A88" s="254"/>
      <c r="B88" s="281"/>
      <c r="C88" s="282"/>
      <c r="D88" s="283"/>
      <c r="E88" s="257"/>
      <c r="F88" s="258"/>
      <c r="G88" s="258"/>
      <c r="H88" s="258"/>
      <c r="I88" s="258"/>
      <c r="J88" s="258"/>
      <c r="K88" s="258"/>
      <c r="L88" s="258"/>
      <c r="M88" s="258"/>
      <c r="N88" s="258"/>
      <c r="O88" s="258"/>
      <c r="P88" s="258"/>
      <c r="Q88" s="258"/>
      <c r="R88" s="258"/>
      <c r="S88" s="258"/>
      <c r="T88" s="258"/>
      <c r="U88" s="258"/>
      <c r="V88" s="259"/>
    </row>
    <row r="89" spans="1:34" s="833" customFormat="1" ht="15" customHeight="1">
      <c r="A89" s="254"/>
      <c r="B89" s="265" t="s">
        <v>13</v>
      </c>
      <c r="C89" s="266"/>
      <c r="D89" s="266"/>
      <c r="E89" s="284" t="s">
        <v>72</v>
      </c>
      <c r="F89" s="285"/>
      <c r="G89" s="286"/>
      <c r="H89" s="287"/>
      <c r="I89" s="287"/>
      <c r="J89" s="287"/>
      <c r="K89" s="288" t="s">
        <v>15</v>
      </c>
      <c r="L89" s="288"/>
      <c r="M89" s="289"/>
      <c r="N89" s="290"/>
      <c r="O89" s="291" t="s">
        <v>73</v>
      </c>
      <c r="P89" s="260"/>
      <c r="Q89" s="286"/>
      <c r="R89" s="287"/>
      <c r="S89" s="287"/>
      <c r="T89" s="287"/>
      <c r="U89" s="287"/>
      <c r="V89" s="292"/>
    </row>
    <row r="90" spans="1:34" s="833" customFormat="1" ht="15" customHeight="1">
      <c r="A90" s="1024"/>
      <c r="B90" s="281"/>
      <c r="C90" s="282"/>
      <c r="D90" s="282"/>
      <c r="E90" s="295" t="s">
        <v>17</v>
      </c>
      <c r="F90" s="296"/>
      <c r="G90" s="286"/>
      <c r="H90" s="287"/>
      <c r="I90" s="287"/>
      <c r="J90" s="287"/>
      <c r="K90" s="287"/>
      <c r="L90" s="287"/>
      <c r="M90" s="287"/>
      <c r="N90" s="287"/>
      <c r="O90" s="287"/>
      <c r="P90" s="287"/>
      <c r="Q90" s="287"/>
      <c r="R90" s="287"/>
      <c r="S90" s="287"/>
      <c r="T90" s="287"/>
      <c r="U90" s="287"/>
      <c r="V90" s="292"/>
    </row>
    <row r="91" spans="1:34" s="833" customFormat="1" ht="15" customHeight="1">
      <c r="A91" s="839" t="s">
        <v>106</v>
      </c>
      <c r="B91" s="840"/>
      <c r="C91" s="840"/>
      <c r="D91" s="840"/>
      <c r="E91" s="840"/>
      <c r="F91" s="840"/>
      <c r="G91" s="840"/>
      <c r="H91" s="840"/>
      <c r="I91" s="840"/>
      <c r="J91" s="840"/>
      <c r="K91" s="840"/>
      <c r="L91" s="840"/>
      <c r="M91" s="840"/>
      <c r="N91" s="840"/>
      <c r="O91" s="840"/>
      <c r="P91" s="840"/>
      <c r="Q91" s="840"/>
      <c r="R91" s="840"/>
      <c r="S91" s="840"/>
      <c r="T91" s="840"/>
      <c r="U91" s="840"/>
      <c r="V91" s="841"/>
    </row>
    <row r="92" spans="1:34" ht="15" customHeight="1" thickBot="1">
      <c r="A92" s="519" t="s">
        <v>107</v>
      </c>
      <c r="B92" s="520"/>
      <c r="C92" s="520"/>
      <c r="D92" s="520"/>
      <c r="E92" s="520"/>
      <c r="F92" s="520"/>
      <c r="G92" s="520"/>
      <c r="H92" s="520"/>
      <c r="I92" s="1025"/>
      <c r="J92" s="1026"/>
      <c r="K92" s="783"/>
      <c r="L92" s="989" t="s">
        <v>177</v>
      </c>
      <c r="M92" s="158" t="s">
        <v>109</v>
      </c>
      <c r="N92" s="528"/>
      <c r="O92" s="528"/>
      <c r="P92" s="528"/>
      <c r="Q92" s="528"/>
      <c r="R92" s="528"/>
      <c r="S92" s="159"/>
      <c r="T92" s="781"/>
      <c r="U92" s="782"/>
      <c r="V92" s="785" t="s">
        <v>110</v>
      </c>
      <c r="W92" s="833"/>
    </row>
    <row r="93" spans="1:34" s="386" customFormat="1" ht="15" customHeight="1">
      <c r="A93" s="789" t="s">
        <v>145</v>
      </c>
      <c r="B93" s="805" t="s">
        <v>166</v>
      </c>
      <c r="C93" s="805"/>
      <c r="D93" s="805"/>
      <c r="E93" s="805"/>
      <c r="F93" s="805"/>
      <c r="G93" s="805"/>
      <c r="H93" s="805"/>
      <c r="I93" s="805"/>
      <c r="J93" s="805"/>
      <c r="K93" s="805"/>
      <c r="L93" s="805"/>
      <c r="M93" s="805"/>
      <c r="N93" s="805"/>
      <c r="O93" s="805"/>
      <c r="P93" s="805"/>
      <c r="Q93" s="805"/>
      <c r="R93" s="805"/>
      <c r="S93" s="805"/>
      <c r="T93" s="805"/>
      <c r="U93" s="805"/>
      <c r="V93" s="806"/>
      <c r="W93" s="306"/>
      <c r="X93" s="306"/>
      <c r="Y93" s="306"/>
      <c r="Z93" s="306"/>
      <c r="AA93" s="306"/>
      <c r="AB93" s="306"/>
      <c r="AC93" s="306"/>
      <c r="AD93" s="306"/>
      <c r="AE93" s="306"/>
      <c r="AF93" s="306"/>
      <c r="AG93" s="306"/>
      <c r="AH93" s="306"/>
    </row>
    <row r="94" spans="1:34" s="386" customFormat="1" ht="16.350000000000001" customHeight="1">
      <c r="A94" s="789"/>
      <c r="B94" s="807" t="s">
        <v>167</v>
      </c>
      <c r="C94" s="807"/>
      <c r="D94" s="807"/>
      <c r="E94" s="807"/>
      <c r="F94" s="808"/>
      <c r="G94" s="552" t="s">
        <v>120</v>
      </c>
      <c r="H94" s="809"/>
      <c r="I94" s="810" t="s">
        <v>121</v>
      </c>
      <c r="J94" s="809"/>
      <c r="K94" s="810" t="s">
        <v>122</v>
      </c>
      <c r="L94" s="809"/>
      <c r="M94" s="810" t="s">
        <v>123</v>
      </c>
      <c r="N94" s="809"/>
      <c r="O94" s="810" t="s">
        <v>124</v>
      </c>
      <c r="P94" s="809"/>
      <c r="Q94" s="810" t="s">
        <v>125</v>
      </c>
      <c r="R94" s="809"/>
      <c r="S94" s="810" t="s">
        <v>126</v>
      </c>
      <c r="T94" s="809"/>
      <c r="U94" s="810" t="s">
        <v>127</v>
      </c>
      <c r="V94" s="811"/>
      <c r="W94" s="306"/>
      <c r="X94" s="306"/>
      <c r="Y94" s="306"/>
      <c r="Z94" s="306"/>
      <c r="AA94" s="306"/>
      <c r="AB94" s="306"/>
      <c r="AC94" s="306"/>
      <c r="AD94" s="306"/>
      <c r="AE94" s="306"/>
      <c r="AF94" s="306"/>
      <c r="AG94" s="306"/>
      <c r="AH94" s="306"/>
    </row>
    <row r="95" spans="1:34" s="386" customFormat="1" ht="15.6" customHeight="1">
      <c r="A95" s="789"/>
      <c r="B95" s="812"/>
      <c r="C95" s="812"/>
      <c r="D95" s="812"/>
      <c r="E95" s="812"/>
      <c r="F95" s="813"/>
      <c r="G95" s="810"/>
      <c r="H95" s="809"/>
      <c r="I95" s="810"/>
      <c r="J95" s="809"/>
      <c r="K95" s="810"/>
      <c r="L95" s="809"/>
      <c r="M95" s="810"/>
      <c r="N95" s="809"/>
      <c r="O95" s="810"/>
      <c r="P95" s="809"/>
      <c r="Q95" s="810"/>
      <c r="R95" s="809"/>
      <c r="S95" s="810"/>
      <c r="T95" s="809"/>
      <c r="U95" s="810"/>
      <c r="V95" s="811"/>
      <c r="W95" s="306"/>
      <c r="X95" s="306"/>
      <c r="Y95" s="306"/>
      <c r="Z95" s="306"/>
      <c r="AA95" s="306"/>
      <c r="AB95" s="306"/>
      <c r="AC95" s="306"/>
      <c r="AD95" s="306"/>
      <c r="AE95" s="306"/>
      <c r="AF95" s="306"/>
      <c r="AG95" s="306"/>
      <c r="AH95" s="306"/>
    </row>
    <row r="96" spans="1:34" s="386" customFormat="1" ht="15.6" customHeight="1">
      <c r="A96" s="789"/>
      <c r="B96" s="814"/>
      <c r="C96" s="814"/>
      <c r="D96" s="814"/>
      <c r="E96" s="814"/>
      <c r="F96" s="815"/>
      <c r="G96" s="810" t="s">
        <v>128</v>
      </c>
      <c r="H96" s="552"/>
      <c r="I96" s="552"/>
      <c r="J96" s="552"/>
      <c r="K96" s="552"/>
      <c r="L96" s="809"/>
      <c r="M96" s="816"/>
      <c r="N96" s="817"/>
      <c r="O96" s="817"/>
      <c r="P96" s="817"/>
      <c r="Q96" s="817"/>
      <c r="R96" s="817"/>
      <c r="S96" s="817"/>
      <c r="T96" s="817"/>
      <c r="U96" s="817"/>
      <c r="V96" s="818"/>
      <c r="W96" s="306"/>
      <c r="X96" s="306"/>
      <c r="Y96" s="306"/>
      <c r="Z96" s="306"/>
      <c r="AA96" s="306"/>
      <c r="AB96" s="306"/>
      <c r="AC96" s="306"/>
      <c r="AD96" s="306"/>
      <c r="AE96" s="306"/>
      <c r="AF96" s="306"/>
      <c r="AG96" s="306"/>
      <c r="AH96" s="306"/>
    </row>
    <row r="97" spans="1:34" s="386" customFormat="1" ht="15.95" customHeight="1">
      <c r="A97" s="789"/>
      <c r="B97" s="819" t="s">
        <v>168</v>
      </c>
      <c r="C97" s="820"/>
      <c r="D97" s="820"/>
      <c r="E97" s="820"/>
      <c r="F97" s="32"/>
      <c r="G97" s="31"/>
      <c r="H97" s="820"/>
      <c r="I97" s="820" t="s">
        <v>130</v>
      </c>
      <c r="J97" s="820"/>
      <c r="K97" s="474"/>
      <c r="L97" s="474"/>
      <c r="M97" s="820" t="s">
        <v>169</v>
      </c>
      <c r="N97" s="820"/>
      <c r="O97" s="820"/>
      <c r="P97" s="820"/>
      <c r="Q97" s="820" t="s">
        <v>130</v>
      </c>
      <c r="R97" s="820"/>
      <c r="S97" s="34"/>
      <c r="T97" s="34"/>
      <c r="U97" s="34"/>
      <c r="V97" s="38"/>
      <c r="W97" s="306"/>
      <c r="X97" s="306"/>
      <c r="Y97" s="306"/>
      <c r="Z97" s="306"/>
      <c r="AA97" s="306"/>
      <c r="AB97" s="306"/>
      <c r="AC97" s="306"/>
      <c r="AD97" s="306"/>
      <c r="AE97" s="306"/>
      <c r="AF97" s="306"/>
      <c r="AG97" s="306"/>
      <c r="AH97" s="306"/>
    </row>
    <row r="98" spans="1:34" s="386" customFormat="1" ht="15.95" customHeight="1">
      <c r="A98" s="789"/>
      <c r="B98" s="821"/>
      <c r="C98" s="565" t="s">
        <v>132</v>
      </c>
      <c r="D98" s="566"/>
      <c r="E98" s="31" t="s">
        <v>170</v>
      </c>
      <c r="F98" s="32"/>
      <c r="G98" s="31"/>
      <c r="H98" s="820"/>
      <c r="I98" s="820" t="s">
        <v>130</v>
      </c>
      <c r="J98" s="820"/>
      <c r="K98" s="474"/>
      <c r="L98" s="474"/>
      <c r="M98" s="820" t="s">
        <v>169</v>
      </c>
      <c r="N98" s="820"/>
      <c r="O98" s="820"/>
      <c r="P98" s="820"/>
      <c r="Q98" s="820" t="s">
        <v>130</v>
      </c>
      <c r="R98" s="820"/>
      <c r="S98" s="34"/>
      <c r="T98" s="34"/>
      <c r="U98" s="34"/>
      <c r="V98" s="38"/>
      <c r="W98" s="306"/>
      <c r="X98" s="306"/>
      <c r="Y98" s="306"/>
      <c r="Z98" s="306"/>
      <c r="AA98" s="306"/>
      <c r="AB98" s="306"/>
      <c r="AC98" s="306"/>
      <c r="AD98" s="306"/>
      <c r="AE98" s="306"/>
      <c r="AF98" s="306"/>
      <c r="AG98" s="306"/>
      <c r="AH98" s="306"/>
    </row>
    <row r="99" spans="1:34" s="386" customFormat="1" ht="15.95" customHeight="1">
      <c r="A99" s="789"/>
      <c r="B99" s="822"/>
      <c r="C99" s="536"/>
      <c r="D99" s="492"/>
      <c r="E99" s="31" t="s">
        <v>134</v>
      </c>
      <c r="F99" s="32"/>
      <c r="G99" s="31"/>
      <c r="H99" s="820"/>
      <c r="I99" s="820" t="s">
        <v>130</v>
      </c>
      <c r="J99" s="820"/>
      <c r="K99" s="474"/>
      <c r="L99" s="474"/>
      <c r="M99" s="820" t="s">
        <v>169</v>
      </c>
      <c r="N99" s="820"/>
      <c r="O99" s="820"/>
      <c r="P99" s="820"/>
      <c r="Q99" s="820" t="s">
        <v>130</v>
      </c>
      <c r="R99" s="820"/>
      <c r="S99" s="34"/>
      <c r="T99" s="34"/>
      <c r="U99" s="34"/>
      <c r="V99" s="38"/>
      <c r="W99" s="306"/>
      <c r="X99" s="306"/>
      <c r="Y99" s="306"/>
      <c r="Z99" s="306"/>
      <c r="AA99" s="306"/>
      <c r="AB99" s="306"/>
      <c r="AC99" s="306"/>
      <c r="AD99" s="306"/>
      <c r="AE99" s="306"/>
      <c r="AF99" s="306"/>
      <c r="AG99" s="306"/>
      <c r="AH99" s="306"/>
    </row>
    <row r="100" spans="1:34" s="386" customFormat="1" ht="15.95" customHeight="1">
      <c r="A100" s="789"/>
      <c r="B100" s="823"/>
      <c r="C100" s="548"/>
      <c r="D100" s="569"/>
      <c r="E100" s="31" t="s">
        <v>135</v>
      </c>
      <c r="F100" s="32"/>
      <c r="G100" s="31"/>
      <c r="H100" s="820"/>
      <c r="I100" s="820" t="s">
        <v>130</v>
      </c>
      <c r="J100" s="820"/>
      <c r="K100" s="474"/>
      <c r="L100" s="474"/>
      <c r="M100" s="820" t="s">
        <v>169</v>
      </c>
      <c r="N100" s="820"/>
      <c r="O100" s="820"/>
      <c r="P100" s="820"/>
      <c r="Q100" s="820" t="s">
        <v>130</v>
      </c>
      <c r="R100" s="820"/>
      <c r="S100" s="34"/>
      <c r="T100" s="34"/>
      <c r="U100" s="34"/>
      <c r="V100" s="38"/>
      <c r="W100" s="306"/>
      <c r="X100" s="306"/>
      <c r="Y100" s="306"/>
      <c r="Z100" s="306"/>
      <c r="AA100" s="306"/>
      <c r="AB100" s="306"/>
      <c r="AC100" s="306"/>
      <c r="AD100" s="306"/>
      <c r="AE100" s="306"/>
      <c r="AF100" s="306"/>
      <c r="AG100" s="306"/>
      <c r="AH100" s="306"/>
    </row>
    <row r="101" spans="1:34" s="386" customFormat="1" ht="16.350000000000001" customHeight="1">
      <c r="A101" s="789"/>
      <c r="B101" s="608" t="s">
        <v>136</v>
      </c>
      <c r="C101" s="608"/>
      <c r="D101" s="608"/>
      <c r="E101" s="608"/>
      <c r="F101" s="566"/>
      <c r="G101" s="31"/>
      <c r="H101" s="820"/>
      <c r="I101" s="820" t="s">
        <v>130</v>
      </c>
      <c r="J101" s="820"/>
      <c r="K101" s="474"/>
      <c r="L101" s="474"/>
      <c r="M101" s="820" t="s">
        <v>169</v>
      </c>
      <c r="N101" s="820"/>
      <c r="O101" s="820"/>
      <c r="P101" s="820"/>
      <c r="Q101" s="820" t="s">
        <v>130</v>
      </c>
      <c r="R101" s="820"/>
      <c r="S101" s="34"/>
      <c r="T101" s="34"/>
      <c r="U101" s="34"/>
      <c r="V101" s="38"/>
      <c r="W101" s="306"/>
      <c r="X101" s="306"/>
      <c r="Y101" s="306"/>
      <c r="Z101" s="306"/>
      <c r="AA101" s="306"/>
      <c r="AB101" s="306"/>
      <c r="AC101" s="306"/>
      <c r="AD101" s="306"/>
      <c r="AE101" s="306"/>
      <c r="AF101" s="306"/>
      <c r="AG101" s="306"/>
      <c r="AH101" s="306"/>
    </row>
    <row r="102" spans="1:34" s="386" customFormat="1" ht="16.350000000000001" customHeight="1" thickBot="1">
      <c r="A102" s="789"/>
      <c r="B102" s="824" t="s">
        <v>137</v>
      </c>
      <c r="C102" s="528"/>
      <c r="D102" s="528"/>
      <c r="E102" s="528"/>
      <c r="F102" s="159"/>
      <c r="G102" s="576"/>
      <c r="H102" s="577"/>
      <c r="I102" s="577"/>
      <c r="J102" s="577"/>
      <c r="K102" s="579"/>
      <c r="L102" s="578" t="s">
        <v>172</v>
      </c>
      <c r="M102" s="528"/>
      <c r="N102" s="528"/>
      <c r="O102" s="581"/>
      <c r="P102" s="582"/>
      <c r="Q102" s="582"/>
      <c r="R102" s="825"/>
      <c r="S102" s="825"/>
      <c r="T102" s="585"/>
      <c r="U102" s="825"/>
      <c r="V102" s="583"/>
      <c r="W102" s="306"/>
      <c r="X102" s="306"/>
      <c r="Y102" s="306"/>
      <c r="Z102" s="306"/>
      <c r="AA102" s="306"/>
      <c r="AB102" s="306"/>
      <c r="AC102" s="306"/>
      <c r="AD102" s="306"/>
      <c r="AE102" s="306"/>
      <c r="AF102" s="306"/>
      <c r="AG102" s="306"/>
      <c r="AH102" s="306"/>
    </row>
    <row r="103" spans="1:34" s="386" customFormat="1" ht="15" customHeight="1">
      <c r="A103" s="786" t="s">
        <v>146</v>
      </c>
      <c r="B103" s="805" t="s">
        <v>166</v>
      </c>
      <c r="C103" s="805"/>
      <c r="D103" s="805"/>
      <c r="E103" s="805"/>
      <c r="F103" s="805"/>
      <c r="G103" s="805"/>
      <c r="H103" s="805"/>
      <c r="I103" s="805"/>
      <c r="J103" s="805"/>
      <c r="K103" s="805"/>
      <c r="L103" s="805"/>
      <c r="M103" s="805"/>
      <c r="N103" s="805"/>
      <c r="O103" s="805"/>
      <c r="P103" s="805"/>
      <c r="Q103" s="805"/>
      <c r="R103" s="805"/>
      <c r="S103" s="805"/>
      <c r="T103" s="805"/>
      <c r="U103" s="805"/>
      <c r="V103" s="806"/>
      <c r="W103" s="306"/>
      <c r="X103" s="306"/>
      <c r="Y103" s="306"/>
      <c r="Z103" s="306"/>
      <c r="AA103" s="306"/>
      <c r="AB103" s="306"/>
      <c r="AC103" s="306"/>
      <c r="AD103" s="306"/>
      <c r="AE103" s="306"/>
      <c r="AF103" s="306"/>
      <c r="AG103" s="306"/>
      <c r="AH103" s="306"/>
    </row>
    <row r="104" spans="1:34" s="386" customFormat="1" ht="16.350000000000001" customHeight="1">
      <c r="A104" s="789"/>
      <c r="B104" s="807" t="s">
        <v>167</v>
      </c>
      <c r="C104" s="807"/>
      <c r="D104" s="807"/>
      <c r="E104" s="807"/>
      <c r="F104" s="808"/>
      <c r="G104" s="552" t="s">
        <v>120</v>
      </c>
      <c r="H104" s="809"/>
      <c r="I104" s="810" t="s">
        <v>121</v>
      </c>
      <c r="J104" s="809"/>
      <c r="K104" s="810" t="s">
        <v>122</v>
      </c>
      <c r="L104" s="809"/>
      <c r="M104" s="810" t="s">
        <v>123</v>
      </c>
      <c r="N104" s="809"/>
      <c r="O104" s="810" t="s">
        <v>124</v>
      </c>
      <c r="P104" s="809"/>
      <c r="Q104" s="810" t="s">
        <v>125</v>
      </c>
      <c r="R104" s="809"/>
      <c r="S104" s="810" t="s">
        <v>126</v>
      </c>
      <c r="T104" s="809"/>
      <c r="U104" s="810" t="s">
        <v>127</v>
      </c>
      <c r="V104" s="811"/>
      <c r="W104" s="306"/>
      <c r="X104" s="306"/>
      <c r="Y104" s="306"/>
      <c r="Z104" s="306"/>
      <c r="AA104" s="306"/>
      <c r="AB104" s="306"/>
      <c r="AC104" s="306"/>
      <c r="AD104" s="306"/>
      <c r="AE104" s="306"/>
      <c r="AF104" s="306"/>
      <c r="AG104" s="306"/>
      <c r="AH104" s="306"/>
    </row>
    <row r="105" spans="1:34" s="386" customFormat="1" ht="15.6" customHeight="1">
      <c r="A105" s="789"/>
      <c r="B105" s="812"/>
      <c r="C105" s="812"/>
      <c r="D105" s="812"/>
      <c r="E105" s="812"/>
      <c r="F105" s="813"/>
      <c r="G105" s="810"/>
      <c r="H105" s="809"/>
      <c r="I105" s="810"/>
      <c r="J105" s="809"/>
      <c r="K105" s="810"/>
      <c r="L105" s="809"/>
      <c r="M105" s="810"/>
      <c r="N105" s="809"/>
      <c r="O105" s="810"/>
      <c r="P105" s="809"/>
      <c r="Q105" s="810"/>
      <c r="R105" s="809"/>
      <c r="S105" s="810"/>
      <c r="T105" s="809"/>
      <c r="U105" s="810"/>
      <c r="V105" s="811"/>
      <c r="W105" s="306"/>
      <c r="X105" s="306"/>
      <c r="Y105" s="306"/>
      <c r="Z105" s="306"/>
      <c r="AA105" s="306"/>
      <c r="AB105" s="306"/>
      <c r="AC105" s="306"/>
      <c r="AD105" s="306"/>
      <c r="AE105" s="306"/>
      <c r="AF105" s="306"/>
      <c r="AG105" s="306"/>
      <c r="AH105" s="306"/>
    </row>
    <row r="106" spans="1:34" s="386" customFormat="1" ht="15.6" customHeight="1">
      <c r="A106" s="789"/>
      <c r="B106" s="814"/>
      <c r="C106" s="814"/>
      <c r="D106" s="814"/>
      <c r="E106" s="814"/>
      <c r="F106" s="815"/>
      <c r="G106" s="810" t="s">
        <v>128</v>
      </c>
      <c r="H106" s="552"/>
      <c r="I106" s="552"/>
      <c r="J106" s="552"/>
      <c r="K106" s="552"/>
      <c r="L106" s="809"/>
      <c r="M106" s="816"/>
      <c r="N106" s="817"/>
      <c r="O106" s="817"/>
      <c r="P106" s="817"/>
      <c r="Q106" s="817"/>
      <c r="R106" s="817"/>
      <c r="S106" s="817"/>
      <c r="T106" s="817"/>
      <c r="U106" s="817"/>
      <c r="V106" s="818"/>
      <c r="W106" s="306"/>
      <c r="X106" s="306"/>
      <c r="Y106" s="306"/>
      <c r="Z106" s="306"/>
      <c r="AA106" s="306"/>
      <c r="AB106" s="306"/>
      <c r="AC106" s="306"/>
      <c r="AD106" s="306"/>
      <c r="AE106" s="306"/>
      <c r="AF106" s="306"/>
      <c r="AG106" s="306"/>
      <c r="AH106" s="306"/>
    </row>
    <row r="107" spans="1:34" s="386" customFormat="1" ht="15.95" customHeight="1">
      <c r="A107" s="789"/>
      <c r="B107" s="819" t="s">
        <v>168</v>
      </c>
      <c r="C107" s="820"/>
      <c r="D107" s="820"/>
      <c r="E107" s="820"/>
      <c r="F107" s="32"/>
      <c r="G107" s="31"/>
      <c r="H107" s="820"/>
      <c r="I107" s="820" t="s">
        <v>130</v>
      </c>
      <c r="J107" s="820"/>
      <c r="K107" s="474"/>
      <c r="L107" s="474"/>
      <c r="M107" s="820" t="s">
        <v>169</v>
      </c>
      <c r="N107" s="820"/>
      <c r="O107" s="820"/>
      <c r="P107" s="820"/>
      <c r="Q107" s="820" t="s">
        <v>130</v>
      </c>
      <c r="R107" s="820"/>
      <c r="S107" s="34"/>
      <c r="T107" s="34"/>
      <c r="U107" s="34"/>
      <c r="V107" s="38"/>
      <c r="W107" s="306"/>
      <c r="X107" s="306"/>
      <c r="Y107" s="306"/>
      <c r="Z107" s="306"/>
      <c r="AA107" s="306"/>
      <c r="AB107" s="306"/>
      <c r="AC107" s="306"/>
      <c r="AD107" s="306"/>
      <c r="AE107" s="306"/>
      <c r="AF107" s="306"/>
      <c r="AG107" s="306"/>
      <c r="AH107" s="306"/>
    </row>
    <row r="108" spans="1:34" s="386" customFormat="1" ht="15.95" customHeight="1">
      <c r="A108" s="789"/>
      <c r="B108" s="821"/>
      <c r="C108" s="565" t="s">
        <v>132</v>
      </c>
      <c r="D108" s="566"/>
      <c r="E108" s="31" t="s">
        <v>170</v>
      </c>
      <c r="F108" s="32"/>
      <c r="G108" s="31"/>
      <c r="H108" s="820"/>
      <c r="I108" s="820" t="s">
        <v>130</v>
      </c>
      <c r="J108" s="820"/>
      <c r="K108" s="474"/>
      <c r="L108" s="474"/>
      <c r="M108" s="820" t="s">
        <v>169</v>
      </c>
      <c r="N108" s="820"/>
      <c r="O108" s="820"/>
      <c r="P108" s="820"/>
      <c r="Q108" s="820" t="s">
        <v>130</v>
      </c>
      <c r="R108" s="820"/>
      <c r="S108" s="34"/>
      <c r="T108" s="34"/>
      <c r="U108" s="34"/>
      <c r="V108" s="38"/>
      <c r="W108" s="306"/>
      <c r="X108" s="306"/>
      <c r="Y108" s="306"/>
      <c r="Z108" s="306"/>
      <c r="AA108" s="306"/>
      <c r="AB108" s="306"/>
      <c r="AC108" s="306"/>
      <c r="AD108" s="306"/>
      <c r="AE108" s="306"/>
      <c r="AF108" s="306"/>
      <c r="AG108" s="306"/>
      <c r="AH108" s="306"/>
    </row>
    <row r="109" spans="1:34" s="386" customFormat="1" ht="15.95" customHeight="1">
      <c r="A109" s="789"/>
      <c r="B109" s="822"/>
      <c r="C109" s="536"/>
      <c r="D109" s="492"/>
      <c r="E109" s="31" t="s">
        <v>134</v>
      </c>
      <c r="F109" s="32"/>
      <c r="G109" s="31"/>
      <c r="H109" s="820"/>
      <c r="I109" s="820" t="s">
        <v>130</v>
      </c>
      <c r="J109" s="820"/>
      <c r="K109" s="474"/>
      <c r="L109" s="474"/>
      <c r="M109" s="820" t="s">
        <v>169</v>
      </c>
      <c r="N109" s="820"/>
      <c r="O109" s="820"/>
      <c r="P109" s="820"/>
      <c r="Q109" s="820" t="s">
        <v>130</v>
      </c>
      <c r="R109" s="820"/>
      <c r="S109" s="34"/>
      <c r="T109" s="34"/>
      <c r="U109" s="34"/>
      <c r="V109" s="38"/>
      <c r="W109" s="306"/>
      <c r="X109" s="306"/>
      <c r="Y109" s="306"/>
      <c r="Z109" s="306"/>
      <c r="AA109" s="306"/>
      <c r="AB109" s="306"/>
      <c r="AC109" s="306"/>
      <c r="AD109" s="306"/>
      <c r="AE109" s="306"/>
      <c r="AF109" s="306"/>
      <c r="AG109" s="306"/>
      <c r="AH109" s="306"/>
    </row>
    <row r="110" spans="1:34" s="386" customFormat="1" ht="15.95" customHeight="1">
      <c r="A110" s="789"/>
      <c r="B110" s="823"/>
      <c r="C110" s="548"/>
      <c r="D110" s="569"/>
      <c r="E110" s="31" t="s">
        <v>135</v>
      </c>
      <c r="F110" s="32"/>
      <c r="G110" s="31"/>
      <c r="H110" s="820"/>
      <c r="I110" s="820" t="s">
        <v>130</v>
      </c>
      <c r="J110" s="820"/>
      <c r="K110" s="474"/>
      <c r="L110" s="474"/>
      <c r="M110" s="820" t="s">
        <v>169</v>
      </c>
      <c r="N110" s="820"/>
      <c r="O110" s="820"/>
      <c r="P110" s="820"/>
      <c r="Q110" s="820" t="s">
        <v>130</v>
      </c>
      <c r="R110" s="820"/>
      <c r="S110" s="34"/>
      <c r="T110" s="34"/>
      <c r="U110" s="34"/>
      <c r="V110" s="38"/>
      <c r="W110" s="306"/>
      <c r="X110" s="306"/>
      <c r="Y110" s="306"/>
      <c r="Z110" s="306"/>
      <c r="AA110" s="306"/>
      <c r="AB110" s="306"/>
      <c r="AC110" s="306"/>
      <c r="AD110" s="306"/>
      <c r="AE110" s="306"/>
      <c r="AF110" s="306"/>
      <c r="AG110" s="306"/>
      <c r="AH110" s="306"/>
    </row>
    <row r="111" spans="1:34" s="386" customFormat="1" ht="16.350000000000001" customHeight="1">
      <c r="A111" s="789"/>
      <c r="B111" s="608" t="s">
        <v>136</v>
      </c>
      <c r="C111" s="608"/>
      <c r="D111" s="608"/>
      <c r="E111" s="608"/>
      <c r="F111" s="566"/>
      <c r="G111" s="31"/>
      <c r="H111" s="820"/>
      <c r="I111" s="820" t="s">
        <v>130</v>
      </c>
      <c r="J111" s="820"/>
      <c r="K111" s="474"/>
      <c r="L111" s="474"/>
      <c r="M111" s="820" t="s">
        <v>169</v>
      </c>
      <c r="N111" s="820"/>
      <c r="O111" s="820"/>
      <c r="P111" s="820"/>
      <c r="Q111" s="820" t="s">
        <v>130</v>
      </c>
      <c r="R111" s="820"/>
      <c r="S111" s="34"/>
      <c r="T111" s="34"/>
      <c r="U111" s="34"/>
      <c r="V111" s="38"/>
      <c r="W111" s="306"/>
      <c r="X111" s="306"/>
      <c r="Y111" s="306"/>
      <c r="Z111" s="306"/>
      <c r="AA111" s="306"/>
      <c r="AB111" s="306"/>
      <c r="AC111" s="306"/>
      <c r="AD111" s="306"/>
      <c r="AE111" s="306"/>
      <c r="AF111" s="306"/>
      <c r="AG111" s="306"/>
      <c r="AH111" s="306"/>
    </row>
    <row r="112" spans="1:34" s="386" customFormat="1" ht="16.350000000000001" customHeight="1" thickBot="1">
      <c r="A112" s="842"/>
      <c r="B112" s="824" t="s">
        <v>137</v>
      </c>
      <c r="C112" s="528"/>
      <c r="D112" s="528"/>
      <c r="E112" s="528"/>
      <c r="F112" s="159"/>
      <c r="G112" s="576"/>
      <c r="H112" s="577"/>
      <c r="I112" s="577"/>
      <c r="J112" s="577"/>
      <c r="K112" s="579"/>
      <c r="L112" s="578" t="s">
        <v>172</v>
      </c>
      <c r="M112" s="528"/>
      <c r="N112" s="528"/>
      <c r="O112" s="581"/>
      <c r="P112" s="582"/>
      <c r="Q112" s="582"/>
      <c r="R112" s="825"/>
      <c r="S112" s="825"/>
      <c r="T112" s="585"/>
      <c r="U112" s="825"/>
      <c r="V112" s="583"/>
      <c r="W112" s="306"/>
      <c r="X112" s="306"/>
      <c r="Y112" s="306"/>
      <c r="Z112" s="306"/>
      <c r="AA112" s="306"/>
      <c r="AB112" s="306"/>
      <c r="AC112" s="306"/>
      <c r="AD112" s="306"/>
      <c r="AE112" s="306"/>
      <c r="AF112" s="306"/>
      <c r="AG112" s="306"/>
      <c r="AH112" s="306"/>
    </row>
    <row r="113" spans="1:34" s="386" customFormat="1" ht="15" customHeight="1">
      <c r="A113" s="786" t="s">
        <v>147</v>
      </c>
      <c r="B113" s="805" t="s">
        <v>166</v>
      </c>
      <c r="C113" s="805"/>
      <c r="D113" s="805"/>
      <c r="E113" s="805"/>
      <c r="F113" s="805"/>
      <c r="G113" s="805"/>
      <c r="H113" s="805"/>
      <c r="I113" s="805"/>
      <c r="J113" s="805"/>
      <c r="K113" s="805"/>
      <c r="L113" s="805"/>
      <c r="M113" s="805"/>
      <c r="N113" s="805"/>
      <c r="O113" s="805"/>
      <c r="P113" s="805"/>
      <c r="Q113" s="805"/>
      <c r="R113" s="805"/>
      <c r="S113" s="805"/>
      <c r="T113" s="805"/>
      <c r="U113" s="805"/>
      <c r="V113" s="806"/>
      <c r="W113" s="306"/>
      <c r="X113" s="306"/>
      <c r="Y113" s="306"/>
      <c r="Z113" s="306"/>
      <c r="AA113" s="306"/>
      <c r="AB113" s="306"/>
      <c r="AC113" s="306"/>
      <c r="AD113" s="306"/>
      <c r="AE113" s="306"/>
      <c r="AF113" s="306"/>
      <c r="AG113" s="306"/>
      <c r="AH113" s="306"/>
    </row>
    <row r="114" spans="1:34" s="386" customFormat="1" ht="16.350000000000001" customHeight="1">
      <c r="A114" s="789"/>
      <c r="B114" s="807" t="s">
        <v>167</v>
      </c>
      <c r="C114" s="807"/>
      <c r="D114" s="807"/>
      <c r="E114" s="807"/>
      <c r="F114" s="808"/>
      <c r="G114" s="552" t="s">
        <v>120</v>
      </c>
      <c r="H114" s="809"/>
      <c r="I114" s="810" t="s">
        <v>121</v>
      </c>
      <c r="J114" s="809"/>
      <c r="K114" s="810" t="s">
        <v>122</v>
      </c>
      <c r="L114" s="809"/>
      <c r="M114" s="810" t="s">
        <v>123</v>
      </c>
      <c r="N114" s="809"/>
      <c r="O114" s="810" t="s">
        <v>124</v>
      </c>
      <c r="P114" s="809"/>
      <c r="Q114" s="810" t="s">
        <v>125</v>
      </c>
      <c r="R114" s="809"/>
      <c r="S114" s="810" t="s">
        <v>126</v>
      </c>
      <c r="T114" s="809"/>
      <c r="U114" s="810" t="s">
        <v>127</v>
      </c>
      <c r="V114" s="811"/>
      <c r="W114" s="306"/>
      <c r="X114" s="306"/>
      <c r="Y114" s="306"/>
      <c r="Z114" s="306"/>
      <c r="AA114" s="306"/>
      <c r="AB114" s="306"/>
      <c r="AC114" s="306"/>
      <c r="AD114" s="306"/>
      <c r="AE114" s="306"/>
      <c r="AF114" s="306"/>
      <c r="AG114" s="306"/>
      <c r="AH114" s="306"/>
    </row>
    <row r="115" spans="1:34" s="386" customFormat="1" ht="15.6" customHeight="1">
      <c r="A115" s="789"/>
      <c r="B115" s="812"/>
      <c r="C115" s="812"/>
      <c r="D115" s="812"/>
      <c r="E115" s="812"/>
      <c r="F115" s="813"/>
      <c r="G115" s="810"/>
      <c r="H115" s="809"/>
      <c r="I115" s="810"/>
      <c r="J115" s="809"/>
      <c r="K115" s="810"/>
      <c r="L115" s="809"/>
      <c r="M115" s="810"/>
      <c r="N115" s="809"/>
      <c r="O115" s="810"/>
      <c r="P115" s="809"/>
      <c r="Q115" s="810"/>
      <c r="R115" s="809"/>
      <c r="S115" s="810"/>
      <c r="T115" s="809"/>
      <c r="U115" s="810"/>
      <c r="V115" s="811"/>
      <c r="W115" s="306" t="s">
        <v>51</v>
      </c>
      <c r="X115" s="306"/>
      <c r="Y115" s="306"/>
      <c r="Z115" s="306"/>
      <c r="AA115" s="306"/>
      <c r="AB115" s="306"/>
      <c r="AC115" s="306"/>
      <c r="AD115" s="306"/>
      <c r="AE115" s="306"/>
      <c r="AF115" s="306"/>
      <c r="AG115" s="306"/>
      <c r="AH115" s="306"/>
    </row>
    <row r="116" spans="1:34" s="386" customFormat="1" ht="15.6" customHeight="1">
      <c r="A116" s="789"/>
      <c r="B116" s="814"/>
      <c r="C116" s="814"/>
      <c r="D116" s="814"/>
      <c r="E116" s="814"/>
      <c r="F116" s="815"/>
      <c r="G116" s="810" t="s">
        <v>128</v>
      </c>
      <c r="H116" s="552"/>
      <c r="I116" s="552"/>
      <c r="J116" s="552"/>
      <c r="K116" s="552"/>
      <c r="L116" s="809"/>
      <c r="M116" s="816"/>
      <c r="N116" s="817"/>
      <c r="O116" s="817"/>
      <c r="P116" s="817"/>
      <c r="Q116" s="817"/>
      <c r="R116" s="817"/>
      <c r="S116" s="817"/>
      <c r="T116" s="817"/>
      <c r="U116" s="817"/>
      <c r="V116" s="818"/>
      <c r="W116" s="306"/>
      <c r="X116" s="306"/>
      <c r="Y116" s="306"/>
      <c r="Z116" s="306"/>
      <c r="AA116" s="306"/>
      <c r="AB116" s="306"/>
      <c r="AC116" s="306"/>
      <c r="AD116" s="306"/>
      <c r="AE116" s="306"/>
      <c r="AF116" s="306"/>
      <c r="AG116" s="306"/>
      <c r="AH116" s="306"/>
    </row>
    <row r="117" spans="1:34" s="386" customFormat="1" ht="15.95" customHeight="1">
      <c r="A117" s="789"/>
      <c r="B117" s="819" t="s">
        <v>168</v>
      </c>
      <c r="C117" s="820"/>
      <c r="D117" s="820"/>
      <c r="E117" s="820"/>
      <c r="F117" s="32"/>
      <c r="G117" s="31"/>
      <c r="H117" s="820"/>
      <c r="I117" s="820" t="s">
        <v>130</v>
      </c>
      <c r="J117" s="820"/>
      <c r="K117" s="474"/>
      <c r="L117" s="474"/>
      <c r="M117" s="820" t="s">
        <v>169</v>
      </c>
      <c r="N117" s="820"/>
      <c r="O117" s="820"/>
      <c r="P117" s="820"/>
      <c r="Q117" s="820" t="s">
        <v>130</v>
      </c>
      <c r="R117" s="820"/>
      <c r="S117" s="34"/>
      <c r="T117" s="34"/>
      <c r="U117" s="34"/>
      <c r="V117" s="38"/>
      <c r="W117" s="306"/>
      <c r="X117" s="306"/>
      <c r="Y117" s="306"/>
      <c r="Z117" s="306"/>
      <c r="AA117" s="306"/>
      <c r="AB117" s="306"/>
      <c r="AC117" s="306"/>
      <c r="AD117" s="306"/>
      <c r="AE117" s="306"/>
      <c r="AF117" s="306"/>
      <c r="AG117" s="306"/>
      <c r="AH117" s="306"/>
    </row>
    <row r="118" spans="1:34" s="386" customFormat="1" ht="15.95" customHeight="1">
      <c r="A118" s="789"/>
      <c r="B118" s="821"/>
      <c r="C118" s="565" t="s">
        <v>132</v>
      </c>
      <c r="D118" s="566"/>
      <c r="E118" s="31" t="s">
        <v>170</v>
      </c>
      <c r="F118" s="32"/>
      <c r="G118" s="31"/>
      <c r="H118" s="820"/>
      <c r="I118" s="820" t="s">
        <v>130</v>
      </c>
      <c r="J118" s="820"/>
      <c r="K118" s="474"/>
      <c r="L118" s="474"/>
      <c r="M118" s="820" t="s">
        <v>169</v>
      </c>
      <c r="N118" s="820"/>
      <c r="O118" s="820"/>
      <c r="P118" s="820"/>
      <c r="Q118" s="820" t="s">
        <v>130</v>
      </c>
      <c r="R118" s="820"/>
      <c r="S118" s="34"/>
      <c r="T118" s="34"/>
      <c r="U118" s="34"/>
      <c r="V118" s="38"/>
      <c r="W118" s="306"/>
      <c r="X118" s="306"/>
      <c r="Y118" s="306"/>
      <c r="Z118" s="306"/>
      <c r="AA118" s="306"/>
      <c r="AB118" s="306"/>
      <c r="AC118" s="306"/>
      <c r="AD118" s="306"/>
      <c r="AE118" s="306"/>
      <c r="AF118" s="306"/>
      <c r="AG118" s="306"/>
      <c r="AH118" s="306"/>
    </row>
    <row r="119" spans="1:34" s="386" customFormat="1" ht="15.95" customHeight="1">
      <c r="A119" s="789"/>
      <c r="B119" s="822"/>
      <c r="C119" s="536"/>
      <c r="D119" s="492"/>
      <c r="E119" s="31" t="s">
        <v>134</v>
      </c>
      <c r="F119" s="32"/>
      <c r="G119" s="31"/>
      <c r="H119" s="820"/>
      <c r="I119" s="820" t="s">
        <v>130</v>
      </c>
      <c r="J119" s="820"/>
      <c r="K119" s="474"/>
      <c r="L119" s="474"/>
      <c r="M119" s="820" t="s">
        <v>169</v>
      </c>
      <c r="N119" s="820"/>
      <c r="O119" s="820"/>
      <c r="P119" s="820"/>
      <c r="Q119" s="820" t="s">
        <v>130</v>
      </c>
      <c r="R119" s="820"/>
      <c r="S119" s="34"/>
      <c r="T119" s="34"/>
      <c r="U119" s="34"/>
      <c r="V119" s="38"/>
      <c r="W119" s="306"/>
      <c r="X119" s="306"/>
      <c r="Y119" s="306"/>
      <c r="Z119" s="306"/>
      <c r="AA119" s="306"/>
      <c r="AB119" s="306"/>
      <c r="AC119" s="306"/>
      <c r="AD119" s="306"/>
      <c r="AE119" s="306"/>
      <c r="AF119" s="306"/>
      <c r="AG119" s="306"/>
      <c r="AH119" s="306"/>
    </row>
    <row r="120" spans="1:34" s="386" customFormat="1" ht="15.95" customHeight="1">
      <c r="A120" s="789"/>
      <c r="B120" s="823"/>
      <c r="C120" s="548"/>
      <c r="D120" s="569"/>
      <c r="E120" s="31" t="s">
        <v>135</v>
      </c>
      <c r="F120" s="32"/>
      <c r="G120" s="31"/>
      <c r="H120" s="820"/>
      <c r="I120" s="820" t="s">
        <v>130</v>
      </c>
      <c r="J120" s="820"/>
      <c r="K120" s="474"/>
      <c r="L120" s="474"/>
      <c r="M120" s="820" t="s">
        <v>169</v>
      </c>
      <c r="N120" s="820"/>
      <c r="O120" s="820"/>
      <c r="P120" s="820"/>
      <c r="Q120" s="820" t="s">
        <v>130</v>
      </c>
      <c r="R120" s="820"/>
      <c r="S120" s="34"/>
      <c r="T120" s="34"/>
      <c r="U120" s="34"/>
      <c r="V120" s="38"/>
      <c r="W120" s="306"/>
      <c r="X120" s="306"/>
      <c r="Y120" s="306"/>
      <c r="Z120" s="306"/>
      <c r="AA120" s="306"/>
      <c r="AB120" s="306"/>
      <c r="AC120" s="306"/>
      <c r="AD120" s="306"/>
      <c r="AE120" s="306"/>
      <c r="AF120" s="306"/>
      <c r="AG120" s="306"/>
      <c r="AH120" s="306"/>
    </row>
    <row r="121" spans="1:34" s="386" customFormat="1" ht="16.350000000000001" customHeight="1">
      <c r="A121" s="789"/>
      <c r="B121" s="608" t="s">
        <v>136</v>
      </c>
      <c r="C121" s="608"/>
      <c r="D121" s="608"/>
      <c r="E121" s="608"/>
      <c r="F121" s="566"/>
      <c r="G121" s="31"/>
      <c r="H121" s="820"/>
      <c r="I121" s="820" t="s">
        <v>130</v>
      </c>
      <c r="J121" s="820"/>
      <c r="K121" s="474"/>
      <c r="L121" s="474"/>
      <c r="M121" s="820" t="s">
        <v>169</v>
      </c>
      <c r="N121" s="820"/>
      <c r="O121" s="820"/>
      <c r="P121" s="820"/>
      <c r="Q121" s="820" t="s">
        <v>130</v>
      </c>
      <c r="R121" s="820"/>
      <c r="S121" s="34"/>
      <c r="T121" s="34"/>
      <c r="U121" s="34"/>
      <c r="V121" s="38"/>
      <c r="W121" s="306"/>
      <c r="X121" s="306"/>
      <c r="Y121" s="306"/>
      <c r="Z121" s="306"/>
      <c r="AA121" s="306"/>
      <c r="AB121" s="306"/>
      <c r="AC121" s="306"/>
      <c r="AD121" s="306"/>
      <c r="AE121" s="306"/>
      <c r="AF121" s="306"/>
      <c r="AG121" s="306"/>
      <c r="AH121" s="306"/>
    </row>
    <row r="122" spans="1:34" s="386" customFormat="1" ht="16.350000000000001" customHeight="1" thickBot="1">
      <c r="A122" s="842"/>
      <c r="B122" s="824" t="s">
        <v>137</v>
      </c>
      <c r="C122" s="528"/>
      <c r="D122" s="528"/>
      <c r="E122" s="528"/>
      <c r="F122" s="159"/>
      <c r="G122" s="576"/>
      <c r="H122" s="577"/>
      <c r="I122" s="577"/>
      <c r="J122" s="577"/>
      <c r="K122" s="579"/>
      <c r="L122" s="578" t="s">
        <v>172</v>
      </c>
      <c r="M122" s="528"/>
      <c r="N122" s="528"/>
      <c r="O122" s="581"/>
      <c r="P122" s="582"/>
      <c r="Q122" s="582"/>
      <c r="R122" s="825"/>
      <c r="S122" s="825"/>
      <c r="T122" s="585"/>
      <c r="U122" s="825"/>
      <c r="V122" s="583"/>
      <c r="W122" s="306"/>
      <c r="X122" s="306"/>
      <c r="Y122" s="306"/>
      <c r="Z122" s="306"/>
      <c r="AA122" s="306"/>
      <c r="AB122" s="306"/>
      <c r="AC122" s="306"/>
      <c r="AD122" s="306"/>
      <c r="AE122" s="306"/>
      <c r="AF122" s="306"/>
      <c r="AG122" s="306"/>
      <c r="AH122" s="306"/>
    </row>
    <row r="123" spans="1:34" s="833" customFormat="1" ht="16.5" customHeight="1">
      <c r="A123" s="1027"/>
      <c r="B123" s="384"/>
      <c r="C123" s="384"/>
      <c r="D123" s="384"/>
      <c r="E123" s="384"/>
      <c r="F123" s="384"/>
      <c r="G123" s="384"/>
      <c r="H123" s="384"/>
      <c r="I123" s="384"/>
      <c r="J123" s="384"/>
      <c r="K123" s="384"/>
      <c r="L123" s="384"/>
      <c r="M123" s="384"/>
      <c r="N123" s="384"/>
      <c r="O123" s="384"/>
      <c r="P123" s="384"/>
      <c r="Q123" s="384"/>
      <c r="R123" s="384"/>
      <c r="S123" s="1028"/>
      <c r="T123" s="1028"/>
      <c r="U123" s="1028"/>
      <c r="V123" s="1028"/>
    </row>
    <row r="124" spans="1:34" ht="15.95" customHeight="1">
      <c r="A124" s="306" t="s">
        <v>52</v>
      </c>
      <c r="B124" s="1029" t="s">
        <v>195</v>
      </c>
      <c r="C124" s="1029"/>
      <c r="D124" s="1029"/>
      <c r="E124" s="1029"/>
      <c r="F124" s="1029"/>
      <c r="G124" s="1029"/>
      <c r="H124" s="1029"/>
      <c r="I124" s="1029"/>
      <c r="J124" s="1029"/>
      <c r="K124" s="1029"/>
      <c r="L124" s="1029"/>
      <c r="M124" s="1029"/>
      <c r="N124" s="1029"/>
      <c r="O124" s="1029"/>
      <c r="P124" s="1029"/>
      <c r="Q124" s="1029"/>
      <c r="R124" s="1029"/>
      <c r="S124" s="1029"/>
      <c r="T124" s="1029"/>
      <c r="U124" s="1029"/>
      <c r="V124" s="1029"/>
    </row>
    <row r="125" spans="1:34" ht="15.95" customHeight="1">
      <c r="A125" s="1030"/>
      <c r="B125" s="1029"/>
      <c r="C125" s="1029"/>
      <c r="D125" s="1029"/>
      <c r="E125" s="1029"/>
      <c r="F125" s="1029"/>
      <c r="G125" s="1029"/>
      <c r="H125" s="1029"/>
      <c r="I125" s="1029"/>
      <c r="J125" s="1029"/>
      <c r="K125" s="1029"/>
      <c r="L125" s="1029"/>
      <c r="M125" s="1029"/>
      <c r="N125" s="1029"/>
      <c r="O125" s="1029"/>
      <c r="P125" s="1029"/>
      <c r="Q125" s="1029"/>
      <c r="R125" s="1029"/>
      <c r="S125" s="1029"/>
      <c r="T125" s="1029"/>
      <c r="U125" s="1029"/>
      <c r="V125" s="1029"/>
    </row>
    <row r="126" spans="1:34" ht="15.95" customHeight="1">
      <c r="A126" s="1031"/>
      <c r="B126" s="1029"/>
      <c r="C126" s="1029"/>
      <c r="D126" s="1029"/>
      <c r="E126" s="1029"/>
      <c r="F126" s="1029"/>
      <c r="G126" s="1029"/>
      <c r="H126" s="1029"/>
      <c r="I126" s="1029"/>
      <c r="J126" s="1029"/>
      <c r="K126" s="1029"/>
      <c r="L126" s="1029"/>
      <c r="M126" s="1029"/>
      <c r="N126" s="1029"/>
      <c r="O126" s="1029"/>
      <c r="P126" s="1029"/>
      <c r="Q126" s="1029"/>
      <c r="R126" s="1029"/>
      <c r="S126" s="1029"/>
      <c r="T126" s="1029"/>
      <c r="U126" s="1029"/>
      <c r="V126" s="1029"/>
    </row>
    <row r="127" spans="1:34" ht="15.95" customHeight="1">
      <c r="A127" s="1030"/>
      <c r="B127" s="1029"/>
      <c r="C127" s="1029"/>
      <c r="D127" s="1029"/>
      <c r="E127" s="1029"/>
      <c r="F127" s="1029"/>
      <c r="G127" s="1029"/>
      <c r="H127" s="1029"/>
      <c r="I127" s="1029"/>
      <c r="J127" s="1029"/>
      <c r="K127" s="1029"/>
      <c r="L127" s="1029"/>
      <c r="M127" s="1029"/>
      <c r="N127" s="1029"/>
      <c r="O127" s="1029"/>
      <c r="P127" s="1029"/>
      <c r="Q127" s="1029"/>
      <c r="R127" s="1029"/>
      <c r="S127" s="1029"/>
      <c r="T127" s="1029"/>
      <c r="U127" s="1029"/>
      <c r="V127" s="1029"/>
    </row>
    <row r="128" spans="1:34" ht="15.95" customHeight="1">
      <c r="A128" s="1031"/>
      <c r="B128" s="1029"/>
      <c r="C128" s="1029"/>
      <c r="D128" s="1029"/>
      <c r="E128" s="1029"/>
      <c r="F128" s="1029"/>
      <c r="G128" s="1029"/>
      <c r="H128" s="1029"/>
      <c r="I128" s="1029"/>
      <c r="J128" s="1029"/>
      <c r="K128" s="1029"/>
      <c r="L128" s="1029"/>
      <c r="M128" s="1029"/>
      <c r="N128" s="1029"/>
      <c r="O128" s="1029"/>
      <c r="P128" s="1029"/>
      <c r="Q128" s="1029"/>
      <c r="R128" s="1029"/>
      <c r="S128" s="1029"/>
      <c r="T128" s="1029"/>
      <c r="U128" s="1029"/>
      <c r="V128" s="1029"/>
    </row>
    <row r="129" spans="1:22" ht="15.95" customHeight="1">
      <c r="A129" s="1031"/>
      <c r="B129" s="1029"/>
      <c r="C129" s="1029"/>
      <c r="D129" s="1029"/>
      <c r="E129" s="1029"/>
      <c r="F129" s="1029"/>
      <c r="G129" s="1029"/>
      <c r="H129" s="1029"/>
      <c r="I129" s="1029"/>
      <c r="J129" s="1029"/>
      <c r="K129" s="1029"/>
      <c r="L129" s="1029"/>
      <c r="M129" s="1029"/>
      <c r="N129" s="1029"/>
      <c r="O129" s="1029"/>
      <c r="P129" s="1029"/>
      <c r="Q129" s="1029"/>
      <c r="R129" s="1029"/>
      <c r="S129" s="1029"/>
      <c r="T129" s="1029"/>
      <c r="U129" s="1029"/>
      <c r="V129" s="1029"/>
    </row>
    <row r="130" spans="1:22">
      <c r="B130" s="1029"/>
      <c r="C130" s="1029"/>
      <c r="D130" s="1029"/>
      <c r="E130" s="1029"/>
      <c r="F130" s="1029"/>
      <c r="G130" s="1029"/>
      <c r="H130" s="1029"/>
      <c r="I130" s="1029"/>
      <c r="J130" s="1029"/>
      <c r="K130" s="1029"/>
      <c r="L130" s="1029"/>
      <c r="M130" s="1029"/>
      <c r="N130" s="1029"/>
      <c r="O130" s="1029"/>
      <c r="P130" s="1029"/>
      <c r="Q130" s="1029"/>
      <c r="R130" s="1029"/>
      <c r="S130" s="1029"/>
      <c r="T130" s="1029"/>
      <c r="U130" s="1029"/>
      <c r="V130" s="1029"/>
    </row>
  </sheetData>
  <mergeCells count="673">
    <mergeCell ref="B122:F122"/>
    <mergeCell ref="G122:J122"/>
    <mergeCell ref="M122:N122"/>
    <mergeCell ref="P122:Q122"/>
    <mergeCell ref="B124:V130"/>
    <mergeCell ref="Q120:R120"/>
    <mergeCell ref="S120:V120"/>
    <mergeCell ref="B121:F121"/>
    <mergeCell ref="G121:H121"/>
    <mergeCell ref="I121:J121"/>
    <mergeCell ref="K121:L121"/>
    <mergeCell ref="M121:N121"/>
    <mergeCell ref="O121:P121"/>
    <mergeCell ref="Q121:R121"/>
    <mergeCell ref="S121:V121"/>
    <mergeCell ref="E120:F120"/>
    <mergeCell ref="G120:H120"/>
    <mergeCell ref="I120:J120"/>
    <mergeCell ref="K120:L120"/>
    <mergeCell ref="M120:N120"/>
    <mergeCell ref="O120:P120"/>
    <mergeCell ref="Q118:R118"/>
    <mergeCell ref="S118:V118"/>
    <mergeCell ref="E119:F119"/>
    <mergeCell ref="G119:H119"/>
    <mergeCell ref="I119:J119"/>
    <mergeCell ref="K119:L119"/>
    <mergeCell ref="M119:N119"/>
    <mergeCell ref="O119:P119"/>
    <mergeCell ref="Q119:R119"/>
    <mergeCell ref="S119:V119"/>
    <mergeCell ref="O117:P117"/>
    <mergeCell ref="Q117:R117"/>
    <mergeCell ref="S117:V117"/>
    <mergeCell ref="C118:D120"/>
    <mergeCell ref="E118:F118"/>
    <mergeCell ref="G118:H118"/>
    <mergeCell ref="I118:J118"/>
    <mergeCell ref="K118:L118"/>
    <mergeCell ref="M118:N118"/>
    <mergeCell ref="O118:P118"/>
    <mergeCell ref="Q115:R115"/>
    <mergeCell ref="S115:T115"/>
    <mergeCell ref="U115:V115"/>
    <mergeCell ref="G116:L116"/>
    <mergeCell ref="M116:V116"/>
    <mergeCell ref="B117:F117"/>
    <mergeCell ref="G117:H117"/>
    <mergeCell ref="I117:J117"/>
    <mergeCell ref="K117:L117"/>
    <mergeCell ref="M117:N117"/>
    <mergeCell ref="M114:N114"/>
    <mergeCell ref="O114:P114"/>
    <mergeCell ref="Q114:R114"/>
    <mergeCell ref="S114:T114"/>
    <mergeCell ref="U114:V114"/>
    <mergeCell ref="G115:H115"/>
    <mergeCell ref="I115:J115"/>
    <mergeCell ref="K115:L115"/>
    <mergeCell ref="M115:N115"/>
    <mergeCell ref="O115:P115"/>
    <mergeCell ref="B112:F112"/>
    <mergeCell ref="G112:J112"/>
    <mergeCell ref="M112:N112"/>
    <mergeCell ref="P112:Q112"/>
    <mergeCell ref="A113:A122"/>
    <mergeCell ref="B113:V113"/>
    <mergeCell ref="B114:F116"/>
    <mergeCell ref="G114:H114"/>
    <mergeCell ref="I114:J114"/>
    <mergeCell ref="K114:L114"/>
    <mergeCell ref="Q110:R110"/>
    <mergeCell ref="S110:V110"/>
    <mergeCell ref="B111:F111"/>
    <mergeCell ref="G111:H111"/>
    <mergeCell ref="I111:J111"/>
    <mergeCell ref="K111:L111"/>
    <mergeCell ref="M111:N111"/>
    <mergeCell ref="O111:P111"/>
    <mergeCell ref="Q111:R111"/>
    <mergeCell ref="S111:V111"/>
    <mergeCell ref="E110:F110"/>
    <mergeCell ref="G110:H110"/>
    <mergeCell ref="I110:J110"/>
    <mergeCell ref="K110:L110"/>
    <mergeCell ref="M110:N110"/>
    <mergeCell ref="O110:P110"/>
    <mergeCell ref="Q108:R108"/>
    <mergeCell ref="S108:V108"/>
    <mergeCell ref="E109:F109"/>
    <mergeCell ref="G109:H109"/>
    <mergeCell ref="I109:J109"/>
    <mergeCell ref="K109:L109"/>
    <mergeCell ref="M109:N109"/>
    <mergeCell ref="O109:P109"/>
    <mergeCell ref="Q109:R109"/>
    <mergeCell ref="S109:V109"/>
    <mergeCell ref="O107:P107"/>
    <mergeCell ref="Q107:R107"/>
    <mergeCell ref="S107:V107"/>
    <mergeCell ref="C108:D110"/>
    <mergeCell ref="E108:F108"/>
    <mergeCell ref="G108:H108"/>
    <mergeCell ref="I108:J108"/>
    <mergeCell ref="K108:L108"/>
    <mergeCell ref="M108:N108"/>
    <mergeCell ref="O108:P108"/>
    <mergeCell ref="Q105:R105"/>
    <mergeCell ref="S105:T105"/>
    <mergeCell ref="U105:V105"/>
    <mergeCell ref="G106:L106"/>
    <mergeCell ref="M106:V106"/>
    <mergeCell ref="B107:F107"/>
    <mergeCell ref="G107:H107"/>
    <mergeCell ref="I107:J107"/>
    <mergeCell ref="K107:L107"/>
    <mergeCell ref="M107:N107"/>
    <mergeCell ref="M104:N104"/>
    <mergeCell ref="O104:P104"/>
    <mergeCell ref="Q104:R104"/>
    <mergeCell ref="S104:T104"/>
    <mergeCell ref="U104:V104"/>
    <mergeCell ref="G105:H105"/>
    <mergeCell ref="I105:J105"/>
    <mergeCell ref="K105:L105"/>
    <mergeCell ref="M105:N105"/>
    <mergeCell ref="O105:P105"/>
    <mergeCell ref="B102:F102"/>
    <mergeCell ref="G102:J102"/>
    <mergeCell ref="M102:N102"/>
    <mergeCell ref="P102:Q102"/>
    <mergeCell ref="A103:A112"/>
    <mergeCell ref="B103:V103"/>
    <mergeCell ref="B104:F106"/>
    <mergeCell ref="G104:H104"/>
    <mergeCell ref="I104:J104"/>
    <mergeCell ref="K104:L104"/>
    <mergeCell ref="Q100:R100"/>
    <mergeCell ref="S100:V100"/>
    <mergeCell ref="B101:F101"/>
    <mergeCell ref="G101:H101"/>
    <mergeCell ref="I101:J101"/>
    <mergeCell ref="K101:L101"/>
    <mergeCell ref="M101:N101"/>
    <mergeCell ref="O101:P101"/>
    <mergeCell ref="Q101:R101"/>
    <mergeCell ref="S101:V101"/>
    <mergeCell ref="E100:F100"/>
    <mergeCell ref="G100:H100"/>
    <mergeCell ref="I100:J100"/>
    <mergeCell ref="K100:L100"/>
    <mergeCell ref="M100:N100"/>
    <mergeCell ref="O100:P100"/>
    <mergeCell ref="Q98:R98"/>
    <mergeCell ref="S98:V98"/>
    <mergeCell ref="E99:F99"/>
    <mergeCell ref="G99:H99"/>
    <mergeCell ref="I99:J99"/>
    <mergeCell ref="K99:L99"/>
    <mergeCell ref="M99:N99"/>
    <mergeCell ref="O99:P99"/>
    <mergeCell ref="Q99:R99"/>
    <mergeCell ref="S99:V99"/>
    <mergeCell ref="O97:P97"/>
    <mergeCell ref="Q97:R97"/>
    <mergeCell ref="S97:V97"/>
    <mergeCell ref="C98:D100"/>
    <mergeCell ref="E98:F98"/>
    <mergeCell ref="G98:H98"/>
    <mergeCell ref="I98:J98"/>
    <mergeCell ref="K98:L98"/>
    <mergeCell ref="M98:N98"/>
    <mergeCell ref="O98:P98"/>
    <mergeCell ref="Q95:R95"/>
    <mergeCell ref="S95:T95"/>
    <mergeCell ref="U95:V95"/>
    <mergeCell ref="G96:L96"/>
    <mergeCell ref="M96:V96"/>
    <mergeCell ref="B97:F97"/>
    <mergeCell ref="G97:H97"/>
    <mergeCell ref="I97:J97"/>
    <mergeCell ref="K97:L97"/>
    <mergeCell ref="M97:N97"/>
    <mergeCell ref="M94:N94"/>
    <mergeCell ref="O94:P94"/>
    <mergeCell ref="Q94:R94"/>
    <mergeCell ref="S94:T94"/>
    <mergeCell ref="U94:V94"/>
    <mergeCell ref="G95:H95"/>
    <mergeCell ref="I95:J95"/>
    <mergeCell ref="K95:L95"/>
    <mergeCell ref="M95:N95"/>
    <mergeCell ref="O95:P95"/>
    <mergeCell ref="A91:V91"/>
    <mergeCell ref="A92:H92"/>
    <mergeCell ref="M92:S92"/>
    <mergeCell ref="T92:U92"/>
    <mergeCell ref="A93:A102"/>
    <mergeCell ref="B93:V93"/>
    <mergeCell ref="B94:F96"/>
    <mergeCell ref="G94:H94"/>
    <mergeCell ref="I94:J94"/>
    <mergeCell ref="K94:L94"/>
    <mergeCell ref="E88:V88"/>
    <mergeCell ref="B89:D90"/>
    <mergeCell ref="E89:F89"/>
    <mergeCell ref="G89:J89"/>
    <mergeCell ref="K89:L89"/>
    <mergeCell ref="M89:N89"/>
    <mergeCell ref="O89:P89"/>
    <mergeCell ref="Q89:V89"/>
    <mergeCell ref="E90:F90"/>
    <mergeCell ref="G90:V90"/>
    <mergeCell ref="H85:I85"/>
    <mergeCell ref="K85:L85"/>
    <mergeCell ref="N85:V85"/>
    <mergeCell ref="E86:G87"/>
    <mergeCell ref="J86:N87"/>
    <mergeCell ref="Q86:V87"/>
    <mergeCell ref="A80:D80"/>
    <mergeCell ref="E80:H80"/>
    <mergeCell ref="A82:V82"/>
    <mergeCell ref="A83:A90"/>
    <mergeCell ref="B83:D83"/>
    <mergeCell ref="E83:V83"/>
    <mergeCell ref="B84:D84"/>
    <mergeCell ref="E84:V84"/>
    <mergeCell ref="B85:D88"/>
    <mergeCell ref="E85:G85"/>
    <mergeCell ref="Q78:R78"/>
    <mergeCell ref="S78:V78"/>
    <mergeCell ref="B79:F79"/>
    <mergeCell ref="G79:J79"/>
    <mergeCell ref="M79:N79"/>
    <mergeCell ref="P79:Q79"/>
    <mergeCell ref="B78:F78"/>
    <mergeCell ref="G78:H78"/>
    <mergeCell ref="I78:J78"/>
    <mergeCell ref="K78:L78"/>
    <mergeCell ref="M78:N78"/>
    <mergeCell ref="O78:P78"/>
    <mergeCell ref="S76:V76"/>
    <mergeCell ref="E77:F77"/>
    <mergeCell ref="G77:H77"/>
    <mergeCell ref="I77:J77"/>
    <mergeCell ref="K77:L77"/>
    <mergeCell ref="M77:N77"/>
    <mergeCell ref="O77:P77"/>
    <mergeCell ref="Q77:R77"/>
    <mergeCell ref="S77:V77"/>
    <mergeCell ref="O75:P75"/>
    <mergeCell ref="Q75:R75"/>
    <mergeCell ref="S75:V75"/>
    <mergeCell ref="E76:F76"/>
    <mergeCell ref="G76:H76"/>
    <mergeCell ref="I76:J76"/>
    <mergeCell ref="K76:L76"/>
    <mergeCell ref="M76:N76"/>
    <mergeCell ref="O76:P76"/>
    <mergeCell ref="Q76:R76"/>
    <mergeCell ref="C75:D77"/>
    <mergeCell ref="E75:F75"/>
    <mergeCell ref="G75:H75"/>
    <mergeCell ref="I75:J75"/>
    <mergeCell ref="K75:L75"/>
    <mergeCell ref="M75:N75"/>
    <mergeCell ref="G73:L73"/>
    <mergeCell ref="M73:V73"/>
    <mergeCell ref="B74:F74"/>
    <mergeCell ref="G74:H74"/>
    <mergeCell ref="I74:J74"/>
    <mergeCell ref="K74:L74"/>
    <mergeCell ref="M74:N74"/>
    <mergeCell ref="O74:P74"/>
    <mergeCell ref="Q74:R74"/>
    <mergeCell ref="S74:V74"/>
    <mergeCell ref="S71:T71"/>
    <mergeCell ref="U71:V71"/>
    <mergeCell ref="G72:H72"/>
    <mergeCell ref="I72:J72"/>
    <mergeCell ref="K72:L72"/>
    <mergeCell ref="M72:N72"/>
    <mergeCell ref="O72:P72"/>
    <mergeCell ref="Q72:R72"/>
    <mergeCell ref="S72:T72"/>
    <mergeCell ref="U72:V72"/>
    <mergeCell ref="S69:T69"/>
    <mergeCell ref="U69:V69"/>
    <mergeCell ref="B70:V70"/>
    <mergeCell ref="B71:F73"/>
    <mergeCell ref="G71:H71"/>
    <mergeCell ref="I71:J71"/>
    <mergeCell ref="K71:L71"/>
    <mergeCell ref="M71:N71"/>
    <mergeCell ref="O71:P71"/>
    <mergeCell ref="Q71:R71"/>
    <mergeCell ref="Q68:R68"/>
    <mergeCell ref="S68:T68"/>
    <mergeCell ref="U68:V68"/>
    <mergeCell ref="C69:F69"/>
    <mergeCell ref="G69:H69"/>
    <mergeCell ref="I69:J69"/>
    <mergeCell ref="K69:L69"/>
    <mergeCell ref="M69:N69"/>
    <mergeCell ref="O69:P69"/>
    <mergeCell ref="Q69:R69"/>
    <mergeCell ref="C68:F68"/>
    <mergeCell ref="G68:H68"/>
    <mergeCell ref="I68:J68"/>
    <mergeCell ref="K68:L68"/>
    <mergeCell ref="M68:N68"/>
    <mergeCell ref="O68:P68"/>
    <mergeCell ref="K67:L67"/>
    <mergeCell ref="M67:N67"/>
    <mergeCell ref="O67:P67"/>
    <mergeCell ref="Q67:R67"/>
    <mergeCell ref="S67:T67"/>
    <mergeCell ref="U67:V67"/>
    <mergeCell ref="Q65:R65"/>
    <mergeCell ref="S65:T65"/>
    <mergeCell ref="U65:V65"/>
    <mergeCell ref="B66:F67"/>
    <mergeCell ref="G66:J66"/>
    <mergeCell ref="K66:N66"/>
    <mergeCell ref="O66:R66"/>
    <mergeCell ref="S66:V66"/>
    <mergeCell ref="G67:H67"/>
    <mergeCell ref="I67:J67"/>
    <mergeCell ref="O64:P64"/>
    <mergeCell ref="Q64:R64"/>
    <mergeCell ref="S64:T64"/>
    <mergeCell ref="U64:V64"/>
    <mergeCell ref="C65:F65"/>
    <mergeCell ref="G65:H65"/>
    <mergeCell ref="I65:J65"/>
    <mergeCell ref="K65:L65"/>
    <mergeCell ref="M65:N65"/>
    <mergeCell ref="O65:P65"/>
    <mergeCell ref="M63:N63"/>
    <mergeCell ref="O63:P63"/>
    <mergeCell ref="Q63:R63"/>
    <mergeCell ref="S63:T63"/>
    <mergeCell ref="U63:V63"/>
    <mergeCell ref="C64:F64"/>
    <mergeCell ref="G64:H64"/>
    <mergeCell ref="I64:J64"/>
    <mergeCell ref="K64:L64"/>
    <mergeCell ref="M64:N64"/>
    <mergeCell ref="A61:A79"/>
    <mergeCell ref="B61:V61"/>
    <mergeCell ref="B62:F63"/>
    <mergeCell ref="G62:J62"/>
    <mergeCell ref="K62:N62"/>
    <mergeCell ref="O62:R62"/>
    <mergeCell ref="S62:V62"/>
    <mergeCell ref="G63:H63"/>
    <mergeCell ref="I63:J63"/>
    <mergeCell ref="K63:L63"/>
    <mergeCell ref="Q59:R59"/>
    <mergeCell ref="S59:V59"/>
    <mergeCell ref="B60:F60"/>
    <mergeCell ref="G60:J60"/>
    <mergeCell ref="M60:N60"/>
    <mergeCell ref="P60:Q60"/>
    <mergeCell ref="B59:F59"/>
    <mergeCell ref="G59:H59"/>
    <mergeCell ref="I59:J59"/>
    <mergeCell ref="K59:L59"/>
    <mergeCell ref="M59:N59"/>
    <mergeCell ref="O59:P59"/>
    <mergeCell ref="S57:V57"/>
    <mergeCell ref="E58:F58"/>
    <mergeCell ref="G58:H58"/>
    <mergeCell ref="I58:J58"/>
    <mergeCell ref="K58:L58"/>
    <mergeCell ref="M58:N58"/>
    <mergeCell ref="O58:P58"/>
    <mergeCell ref="Q58:R58"/>
    <mergeCell ref="S58:V58"/>
    <mergeCell ref="O56:P56"/>
    <mergeCell ref="Q56:R56"/>
    <mergeCell ref="S56:V56"/>
    <mergeCell ref="E57:F57"/>
    <mergeCell ref="G57:H57"/>
    <mergeCell ref="I57:J57"/>
    <mergeCell ref="K57:L57"/>
    <mergeCell ref="M57:N57"/>
    <mergeCell ref="O57:P57"/>
    <mergeCell ref="Q57:R57"/>
    <mergeCell ref="C56:D58"/>
    <mergeCell ref="E56:F56"/>
    <mergeCell ref="G56:H56"/>
    <mergeCell ref="I56:J56"/>
    <mergeCell ref="K56:L56"/>
    <mergeCell ref="M56:N56"/>
    <mergeCell ref="G54:L54"/>
    <mergeCell ref="M54:V54"/>
    <mergeCell ref="B55:F55"/>
    <mergeCell ref="G55:H55"/>
    <mergeCell ref="I55:J55"/>
    <mergeCell ref="K55:L55"/>
    <mergeCell ref="M55:N55"/>
    <mergeCell ref="O55:P55"/>
    <mergeCell ref="Q55:R55"/>
    <mergeCell ref="S55:V55"/>
    <mergeCell ref="S52:T52"/>
    <mergeCell ref="U52:V52"/>
    <mergeCell ref="G53:H53"/>
    <mergeCell ref="I53:J53"/>
    <mergeCell ref="K53:L53"/>
    <mergeCell ref="M53:N53"/>
    <mergeCell ref="O53:P53"/>
    <mergeCell ref="Q53:R53"/>
    <mergeCell ref="S53:T53"/>
    <mergeCell ref="U53:V53"/>
    <mergeCell ref="S50:T50"/>
    <mergeCell ref="U50:V50"/>
    <mergeCell ref="B51:V51"/>
    <mergeCell ref="B52:F54"/>
    <mergeCell ref="G52:H52"/>
    <mergeCell ref="I52:J52"/>
    <mergeCell ref="K52:L52"/>
    <mergeCell ref="M52:N52"/>
    <mergeCell ref="O52:P52"/>
    <mergeCell ref="Q52:R52"/>
    <mergeCell ref="Q49:R49"/>
    <mergeCell ref="S49:T49"/>
    <mergeCell ref="U49:V49"/>
    <mergeCell ref="C50:F50"/>
    <mergeCell ref="G50:H50"/>
    <mergeCell ref="I50:J50"/>
    <mergeCell ref="K50:L50"/>
    <mergeCell ref="M50:N50"/>
    <mergeCell ref="O50:P50"/>
    <mergeCell ref="Q50:R50"/>
    <mergeCell ref="C49:F49"/>
    <mergeCell ref="G49:H49"/>
    <mergeCell ref="I49:J49"/>
    <mergeCell ref="K49:L49"/>
    <mergeCell ref="M49:N49"/>
    <mergeCell ref="O49:P49"/>
    <mergeCell ref="K48:L48"/>
    <mergeCell ref="M48:N48"/>
    <mergeCell ref="O48:P48"/>
    <mergeCell ref="Q48:R48"/>
    <mergeCell ref="S48:T48"/>
    <mergeCell ref="U48:V48"/>
    <mergeCell ref="Q46:R46"/>
    <mergeCell ref="S46:T46"/>
    <mergeCell ref="U46:V46"/>
    <mergeCell ref="B47:F48"/>
    <mergeCell ref="G47:J47"/>
    <mergeCell ref="K47:N47"/>
    <mergeCell ref="O47:R47"/>
    <mergeCell ref="S47:V47"/>
    <mergeCell ref="G48:H48"/>
    <mergeCell ref="I48:J48"/>
    <mergeCell ref="O45:P45"/>
    <mergeCell ref="Q45:R45"/>
    <mergeCell ref="S45:T45"/>
    <mergeCell ref="U45:V45"/>
    <mergeCell ref="C46:F46"/>
    <mergeCell ref="G46:H46"/>
    <mergeCell ref="I46:J46"/>
    <mergeCell ref="K46:L46"/>
    <mergeCell ref="M46:N46"/>
    <mergeCell ref="O46:P46"/>
    <mergeCell ref="M44:N44"/>
    <mergeCell ref="O44:P44"/>
    <mergeCell ref="Q44:R44"/>
    <mergeCell ref="S44:T44"/>
    <mergeCell ref="U44:V44"/>
    <mergeCell ref="C45:F45"/>
    <mergeCell ref="G45:H45"/>
    <mergeCell ref="I45:J45"/>
    <mergeCell ref="K45:L45"/>
    <mergeCell ref="M45:N45"/>
    <mergeCell ref="A42:A60"/>
    <mergeCell ref="B42:V42"/>
    <mergeCell ref="B43:F44"/>
    <mergeCell ref="G43:J43"/>
    <mergeCell ref="K43:N43"/>
    <mergeCell ref="O43:R43"/>
    <mergeCell ref="S43:V43"/>
    <mergeCell ref="G44:H44"/>
    <mergeCell ref="I44:J44"/>
    <mergeCell ref="K44:L44"/>
    <mergeCell ref="Q40:R40"/>
    <mergeCell ref="S40:V40"/>
    <mergeCell ref="B41:F41"/>
    <mergeCell ref="G41:J41"/>
    <mergeCell ref="M41:N41"/>
    <mergeCell ref="P41:Q41"/>
    <mergeCell ref="B40:F40"/>
    <mergeCell ref="G40:H40"/>
    <mergeCell ref="I40:J40"/>
    <mergeCell ref="K40:L40"/>
    <mergeCell ref="M40:N40"/>
    <mergeCell ref="O40:P40"/>
    <mergeCell ref="S38:V38"/>
    <mergeCell ref="E39:F39"/>
    <mergeCell ref="G39:H39"/>
    <mergeCell ref="I39:J39"/>
    <mergeCell ref="K39:L39"/>
    <mergeCell ref="M39:N39"/>
    <mergeCell ref="O39:P39"/>
    <mergeCell ref="Q39:R39"/>
    <mergeCell ref="S39:V39"/>
    <mergeCell ref="O37:P37"/>
    <mergeCell ref="Q37:R37"/>
    <mergeCell ref="S37:V37"/>
    <mergeCell ref="E38:F38"/>
    <mergeCell ref="G38:H38"/>
    <mergeCell ref="I38:J38"/>
    <mergeCell ref="K38:L38"/>
    <mergeCell ref="M38:N38"/>
    <mergeCell ref="O38:P38"/>
    <mergeCell ref="Q38:R38"/>
    <mergeCell ref="C37:D39"/>
    <mergeCell ref="E37:F37"/>
    <mergeCell ref="G37:H37"/>
    <mergeCell ref="I37:J37"/>
    <mergeCell ref="K37:L37"/>
    <mergeCell ref="M37:N37"/>
    <mergeCell ref="G35:L35"/>
    <mergeCell ref="M35:V35"/>
    <mergeCell ref="B36:F36"/>
    <mergeCell ref="G36:H36"/>
    <mergeCell ref="I36:J36"/>
    <mergeCell ref="K36:L36"/>
    <mergeCell ref="M36:N36"/>
    <mergeCell ref="O36:P36"/>
    <mergeCell ref="Q36:R36"/>
    <mergeCell ref="S36:V36"/>
    <mergeCell ref="S33:T33"/>
    <mergeCell ref="U33:V33"/>
    <mergeCell ref="G34:H34"/>
    <mergeCell ref="I34:J34"/>
    <mergeCell ref="K34:L34"/>
    <mergeCell ref="M34:N34"/>
    <mergeCell ref="O34:P34"/>
    <mergeCell ref="Q34:R34"/>
    <mergeCell ref="S34:T34"/>
    <mergeCell ref="U34:V34"/>
    <mergeCell ref="S31:T31"/>
    <mergeCell ref="U31:V31"/>
    <mergeCell ref="B32:V32"/>
    <mergeCell ref="B33:F35"/>
    <mergeCell ref="G33:H33"/>
    <mergeCell ref="I33:J33"/>
    <mergeCell ref="K33:L33"/>
    <mergeCell ref="M33:N33"/>
    <mergeCell ref="O33:P33"/>
    <mergeCell ref="Q33:R33"/>
    <mergeCell ref="Q30:R30"/>
    <mergeCell ref="S30:T30"/>
    <mergeCell ref="U30:V30"/>
    <mergeCell ref="C31:F31"/>
    <mergeCell ref="G31:H31"/>
    <mergeCell ref="I31:J31"/>
    <mergeCell ref="K31:L31"/>
    <mergeCell ref="M31:N31"/>
    <mergeCell ref="O31:P31"/>
    <mergeCell ref="Q31:R31"/>
    <mergeCell ref="C30:F30"/>
    <mergeCell ref="G30:H30"/>
    <mergeCell ref="I30:J30"/>
    <mergeCell ref="K30:L30"/>
    <mergeCell ref="M30:N30"/>
    <mergeCell ref="O30:P30"/>
    <mergeCell ref="K29:L29"/>
    <mergeCell ref="M29:N29"/>
    <mergeCell ref="O29:P29"/>
    <mergeCell ref="Q29:R29"/>
    <mergeCell ref="S29:T29"/>
    <mergeCell ref="U29:V29"/>
    <mergeCell ref="Q27:R27"/>
    <mergeCell ref="S27:T27"/>
    <mergeCell ref="U27:V27"/>
    <mergeCell ref="B28:F29"/>
    <mergeCell ref="G28:J28"/>
    <mergeCell ref="K28:N28"/>
    <mergeCell ref="O28:R28"/>
    <mergeCell ref="S28:V28"/>
    <mergeCell ref="G29:H29"/>
    <mergeCell ref="I29:J29"/>
    <mergeCell ref="O26:P26"/>
    <mergeCell ref="Q26:R26"/>
    <mergeCell ref="S26:T26"/>
    <mergeCell ref="U26:V26"/>
    <mergeCell ref="C27:F27"/>
    <mergeCell ref="G27:H27"/>
    <mergeCell ref="I27:J27"/>
    <mergeCell ref="K27:L27"/>
    <mergeCell ref="M27:N27"/>
    <mergeCell ref="O27:P27"/>
    <mergeCell ref="M25:N25"/>
    <mergeCell ref="O25:P25"/>
    <mergeCell ref="Q25:R25"/>
    <mergeCell ref="S25:T25"/>
    <mergeCell ref="U25:V25"/>
    <mergeCell ref="C26:F26"/>
    <mergeCell ref="G26:H26"/>
    <mergeCell ref="I26:J26"/>
    <mergeCell ref="K26:L26"/>
    <mergeCell ref="M26:N26"/>
    <mergeCell ref="A23:A41"/>
    <mergeCell ref="B23:V23"/>
    <mergeCell ref="B24:F25"/>
    <mergeCell ref="G24:J24"/>
    <mergeCell ref="K24:N24"/>
    <mergeCell ref="O24:R24"/>
    <mergeCell ref="S24:V24"/>
    <mergeCell ref="G25:H25"/>
    <mergeCell ref="I25:J25"/>
    <mergeCell ref="K25:L25"/>
    <mergeCell ref="A19:V19"/>
    <mergeCell ref="A20:L20"/>
    <mergeCell ref="N20:O20"/>
    <mergeCell ref="A21:V21"/>
    <mergeCell ref="A22:H22"/>
    <mergeCell ref="I22:J22"/>
    <mergeCell ref="M22:S22"/>
    <mergeCell ref="T22:U22"/>
    <mergeCell ref="B16:D18"/>
    <mergeCell ref="E16:F16"/>
    <mergeCell ref="G16:S16"/>
    <mergeCell ref="U16:V16"/>
    <mergeCell ref="E17:F18"/>
    <mergeCell ref="G17:V17"/>
    <mergeCell ref="G18:V18"/>
    <mergeCell ref="E13:J13"/>
    <mergeCell ref="M13:V14"/>
    <mergeCell ref="B14:D14"/>
    <mergeCell ref="E14:J14"/>
    <mergeCell ref="B15:F15"/>
    <mergeCell ref="G15:V15"/>
    <mergeCell ref="A11:D11"/>
    <mergeCell ref="E11:V11"/>
    <mergeCell ref="A12:A18"/>
    <mergeCell ref="B12:D12"/>
    <mergeCell ref="E12:J12"/>
    <mergeCell ref="K12:L14"/>
    <mergeCell ref="M12:N12"/>
    <mergeCell ref="O12:P12"/>
    <mergeCell ref="R12:S12"/>
    <mergeCell ref="B13:D13"/>
    <mergeCell ref="E8:V8"/>
    <mergeCell ref="B9:D10"/>
    <mergeCell ref="E9:F9"/>
    <mergeCell ref="G9:J9"/>
    <mergeCell ref="K9:L9"/>
    <mergeCell ref="M9:N9"/>
    <mergeCell ref="O9:P9"/>
    <mergeCell ref="Q9:V9"/>
    <mergeCell ref="E10:F10"/>
    <mergeCell ref="G10:V10"/>
    <mergeCell ref="H5:J5"/>
    <mergeCell ref="L5:M5"/>
    <mergeCell ref="O5:V5"/>
    <mergeCell ref="E6:G7"/>
    <mergeCell ref="J6:N7"/>
    <mergeCell ref="Q6:V7"/>
    <mergeCell ref="A1:V1"/>
    <mergeCell ref="A2:A10"/>
    <mergeCell ref="B2:D2"/>
    <mergeCell ref="E2:V2"/>
    <mergeCell ref="B3:D3"/>
    <mergeCell ref="E3:V3"/>
    <mergeCell ref="B4:D4"/>
    <mergeCell ref="E4:V4"/>
    <mergeCell ref="B5:D8"/>
    <mergeCell ref="E5:G5"/>
  </mergeCells>
  <phoneticPr fontId="3"/>
  <dataValidations count="1">
    <dataValidation type="list" allowBlank="1" showInputMessage="1" showErrorMessage="1" sqref="G34:V34 G53:V53 G72:V72 G95:V95 G115:V115 G105:V105" xr:uid="{1266335A-39E6-47A1-8544-587DEEFF6675}">
      <formula1>"〇"</formula1>
    </dataValidation>
  </dataValidations>
  <printOptions horizontalCentered="1"/>
  <pageMargins left="0.70866141732283472" right="0.70866141732283472" top="0.74803149606299213" bottom="0.74803149606299213" header="0.31496062992125984" footer="0.31496062992125984"/>
  <pageSetup paperSize="9" orientation="portrait" r:id="rId1"/>
  <headerFooter alignWithMargins="0"/>
  <rowBreaks count="1" manualBreakCount="1">
    <brk id="81"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11</xdr:col>
                    <xdr:colOff>38100</xdr:colOff>
                    <xdr:row>9</xdr:row>
                    <xdr:rowOff>171450</xdr:rowOff>
                  </from>
                  <to>
                    <xdr:col>15</xdr:col>
                    <xdr:colOff>114300</xdr:colOff>
                    <xdr:row>11</xdr:row>
                    <xdr:rowOff>1905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4</xdr:col>
                    <xdr:colOff>38100</xdr:colOff>
                    <xdr:row>9</xdr:row>
                    <xdr:rowOff>171450</xdr:rowOff>
                  </from>
                  <to>
                    <xdr:col>10</xdr:col>
                    <xdr:colOff>47625</xdr:colOff>
                    <xdr:row>11</xdr:row>
                    <xdr:rowOff>9525</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16</xdr:col>
                    <xdr:colOff>0</xdr:colOff>
                    <xdr:row>9</xdr:row>
                    <xdr:rowOff>171450</xdr:rowOff>
                  </from>
                  <to>
                    <xdr:col>20</xdr:col>
                    <xdr:colOff>304800</xdr:colOff>
                    <xdr:row>11</xdr:row>
                    <xdr:rowOff>190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19</vt:i4>
      </vt:variant>
    </vt:vector>
  </HeadingPairs>
  <TitlesOfParts>
    <vt:vector size="41" baseType="lpstr">
      <vt:lpstr>付表第二号（一）</vt:lpstr>
      <vt:lpstr>（参考）付表第二号（一）</vt:lpstr>
      <vt:lpstr>付表第二号（二）</vt:lpstr>
      <vt:lpstr>（参考）付表第二号（二）</vt:lpstr>
      <vt:lpstr>付表第二号（三）</vt:lpstr>
      <vt:lpstr>（参考）付表第二号（三）</vt:lpstr>
      <vt:lpstr>付表第二号（四）</vt:lpstr>
      <vt:lpstr>（参考）付表第二号（四）</vt:lpstr>
      <vt:lpstr>付表第二号（五）</vt:lpstr>
      <vt:lpstr>（参考）付表第二号（五）</vt:lpstr>
      <vt:lpstr>付表第二号（六）</vt:lpstr>
      <vt:lpstr>（参考）付表第二号（六）</vt:lpstr>
      <vt:lpstr>付表第二号（七）</vt:lpstr>
      <vt:lpstr>（参考）付表第二号（七）</vt:lpstr>
      <vt:lpstr>付表第二号（八）</vt:lpstr>
      <vt:lpstr>（参考）付表第二号（八）</vt:lpstr>
      <vt:lpstr>付表第二号（九） </vt:lpstr>
      <vt:lpstr>（参考）付表第二号（九）</vt:lpstr>
      <vt:lpstr>付表第二号（十）</vt:lpstr>
      <vt:lpstr>（参考）付表第二号（十）</vt:lpstr>
      <vt:lpstr>付表第二号（十一）</vt:lpstr>
      <vt:lpstr>付表第二号（十二）</vt:lpstr>
      <vt:lpstr>'（参考）付表第二号（九）'!Print_Area</vt:lpstr>
      <vt:lpstr>'（参考）付表第二号（五）'!Print_Area</vt:lpstr>
      <vt:lpstr>'（参考）付表第二号（三）'!Print_Area</vt:lpstr>
      <vt:lpstr>'（参考）付表第二号（四）'!Print_Area</vt:lpstr>
      <vt:lpstr>'（参考）付表第二号（十）'!Print_Area</vt:lpstr>
      <vt:lpstr>'（参考）付表第二号（八）'!Print_Area</vt:lpstr>
      <vt:lpstr>'（参考）付表第二号（六）'!Print_Area</vt:lpstr>
      <vt:lpstr>'付表第二号（一）'!Print_Area</vt:lpstr>
      <vt:lpstr>'付表第二号（九） '!Print_Area</vt:lpstr>
      <vt:lpstr>'付表第二号（五）'!Print_Area</vt:lpstr>
      <vt:lpstr>'付表第二号（三）'!Print_Area</vt:lpstr>
      <vt:lpstr>'付表第二号（四）'!Print_Area</vt:lpstr>
      <vt:lpstr>'付表第二号（七）'!Print_Area</vt:lpstr>
      <vt:lpstr>'付表第二号（十）'!Print_Area</vt:lpstr>
      <vt:lpstr>'付表第二号（十一）'!Print_Area</vt:lpstr>
      <vt:lpstr>'付表第二号（十二）'!Print_Area</vt:lpstr>
      <vt:lpstr>'付表第二号（二）'!Print_Area</vt:lpstr>
      <vt:lpstr>'付表第二号（八）'!Print_Area</vt:lpstr>
      <vt:lpstr>'付表第二号（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02T09:11:45Z</dcterms:created>
  <dcterms:modified xsi:type="dcterms:W3CDTF">2024-04-02T09:13:09Z</dcterms:modified>
</cp:coreProperties>
</file>